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2 - s3 - s4\s2\"/>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69" uniqueCount="550">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9/01/2021</t>
  </si>
  <si>
    <t>07:00:00:00</t>
  </si>
  <si>
    <t>Au coeur du zoo: Comme à la maison</t>
  </si>
  <si>
    <t>Secrets of The Zoo Compilations</t>
  </si>
  <si>
    <t>Zoo Place Like Home</t>
  </si>
  <si>
    <t>00:45</t>
  </si>
  <si>
    <t>United States</t>
  </si>
  <si>
    <t>Dans cet épisode, un lamantin très apprécié par le personnel du zoo est relâché dans son habitat naturel. De jeunes guépards ainsi qu’un ours polaire viennent gonfler les rangs du zoo. Alors que Fergus le kangourou apprend les rudiments de l’amour vache, un oryx algazelle mâle intègre le parc des Wilds afin d’accroître la population de chèvres sauvages.</t>
  </si>
  <si>
    <t>07:45:00:00</t>
  </si>
  <si>
    <t>Au coeur du zoo: Yoga pour tous</t>
  </si>
  <si>
    <t>No Spring Chicken</t>
  </si>
  <si>
    <t>Dans cet épisode, Baby la couleuvre obscure développe une protubérance inquiétante et un éléphant au grand âge apprend de nouvelles postures de yoga. Les vétérinaires du zoo auscultent un bonobo de 26 ans qui souffre de ballonnements ainsi qu’un serval femelle encore plus âgé, atteint d’un problème à la patte. Un flamant rose pousse de mystérieux cris étouffés.</t>
  </si>
  <si>
    <t>08:30:00:00</t>
  </si>
  <si>
    <t>N0015566</t>
  </si>
  <si>
    <t>Chasseurs de pythons : La rafle des crotales</t>
  </si>
  <si>
    <t>Python Hunters</t>
  </si>
  <si>
    <t>Rattlesnake Roundup</t>
  </si>
  <si>
    <t>Canada</t>
  </si>
  <si>
    <t>De retour en Floride, les chasseurs constatent que le nombre de pythons birmans a chuté. Cela ne veut pas dire que nos hommes n'ont plus de travail. Accompagnée par un amateur de serpents, l'équipe part à la recherche de l'un des crotales les plus abondants en Floride. Le crotale pygmée sombre est petit mais agressif. Preuve que sa population ne faiblit pas, nos chasseurs réussissent à en remplir un plein seau. L'expert en venin de serpent Carl Barden fait visiter à nos chasseurs son laboratoire où sont manipulées des toxines médicales et présente aux chasseurs de pythons deux espèces de cobras qu'ils espèrent rencontrer dans leur prochaine aventure en Thaïlande. Les bassins refroidissants de la centrale nucléaire de Turkey Point, près de Miami, sont un habitat idéal pour les crocodiles américains, espèce menacée, et les chasseurs rejoignent le biologiste Joe Wasilewski pour une dangereuse mission de conservation nocturne.</t>
  </si>
  <si>
    <t>09:15:00:00</t>
  </si>
  <si>
    <t>N0015577</t>
  </si>
  <si>
    <t>Chasseurs de pythons : Lézards d'Australie</t>
  </si>
  <si>
    <t>Lizards of Oz</t>
  </si>
  <si>
    <t>Les chasseurs sont en mission dans le désert australien, à la recherche de créatures qu'ils ne trouveraient pas chez eux. Ils commencent par évaluer les dommages causés par le crapaud buffle, l'une des espèces les plus invasives du monde. Après avoir assisté à un cours intensif sur des reptiles venimeux du continent, les chasseurs essaient de se montrer plus malins que le varan de Gould australien, un lézard très rapide. A l'appel d'un particulier, les chasseurs attrapent un serpent de la mulga récalcitrant qui finit par offrir une dose de son venin pour la recherche. Prenant la direction du nord pour se rendre à Darwin, les chasseurs visitent un endroit connu pour abriter deux reptiles : le crocodile d'eau douce appelé " Johnston " et son grand frère, plus gros, potentiellement mangeur d'hommes, le crocodile marin. Ils rejoignent un expert local des crocodiles, avec lequel ils vont patauger dans le billabong pour aller pêcher au filet quelques crocodiles d'eau douce, les étudier, puis les relâcher.</t>
  </si>
  <si>
    <t>10:05:00:00</t>
  </si>
  <si>
    <t>N0015576</t>
  </si>
  <si>
    <t>Chasseurs de pythons : Dangereuse Australie</t>
  </si>
  <si>
    <t>Deadly Down Under</t>
  </si>
  <si>
    <t>Nos chasseurs sont toujours en Australie, à la recherche d'animaux les plus venimeux, dangereux et majestueux du continent. En rejoignant un projet de recherche à la pointe nord de la grande Barrière de corail, ils apprennent qu'attraper des serpents de mer peut s'avérer plus délicat qu'il n'y paraît. Le cubozoaire ou " méduse-boîte " est une redoutable créature dont les piqûres sont souvent fatales pour l'être humain. Malheureusement l'unique moyen d'en attraper une est de la saisir à la main, un défi que vont relever nos chasseurs. Après cela, ils rejoignent un attrapeur de serpent à Caims. Une famille voit ses poules régulièrement attaquées par des pythons améthystes, et nos chasseurs sont déterminés à prendre les coupables sur le fait. Le matin suivant, ils découvrent un hangar à bateaux jonché de peaux de serpents, dont le responsable pourrait être le plus grand serpent d'Australie - un python améthyste réputé pour sa taille.</t>
  </si>
  <si>
    <t>10:50:00:00</t>
  </si>
  <si>
    <t>P0757395</t>
  </si>
  <si>
    <t>Snakes In The City : Les justiciers masqués</t>
  </si>
  <si>
    <t>Snakes In The City</t>
  </si>
  <si>
    <t>The Cape Crusaders</t>
  </si>
  <si>
    <t>South Africa</t>
  </si>
  <si>
    <t xml:space="preserve">C'est une journée comme les autres pour le chasseur de serpents Simon Keys et l'herpétologiste Siouxsie Gillett, jusqu'à ce qu'ils reçoivent un appel de détresse. Les chasseurs de serpents de la ville de Cape Town sont débordés tandis que les cobras cherchent à se protéger des feux ardents. 
</t>
  </si>
  <si>
    <t>11:35:00:00</t>
  </si>
  <si>
    <t>N0011864</t>
  </si>
  <si>
    <t>Les cowboys des marais : Les néophytes</t>
  </si>
  <si>
    <t>Swamp Men</t>
  </si>
  <si>
    <t>Newbies</t>
  </si>
  <si>
    <t>Basé dans les Everglades en Floride, les "Gator Guys" (Hommes crocodiles) explorent le parc animalier le plus sauvage d'Amérique du Nord, dans lequel l'équipe du Billie Swamp Safari pour repousser alligators, ours, serpents et autres créatures dangereuses.</t>
  </si>
  <si>
    <t>12:20:00:00</t>
  </si>
  <si>
    <t>P0810577</t>
  </si>
  <si>
    <t>SOS Cesar : Petits monstres</t>
  </si>
  <si>
    <t>Cesar 911 (2018 Compilations)</t>
  </si>
  <si>
    <t>Tiny Terrors</t>
  </si>
  <si>
    <t>00:50</t>
  </si>
  <si>
    <t>Dans cet épisode, trois petits chiens nous prouvent que taille et férocité ne sont pas liées. Ces chiots ont beau être les plus mignons que Cesar n’ait jamais vus, leur comportement est dangereux : ils blessent ceux qui les entourent et isolent leurs propriétaires de leurs amis et de leur famille. Leurs maîtres n’imaginaient pas ce que leur réservaient de si petits chiens et s’en remettent à Cesar Millan pour faire de ces petits monstres les fidèles compagnons dont ils ont toujours rêvé.</t>
  </si>
  <si>
    <t>13:05:00:00</t>
  </si>
  <si>
    <t>P0810579</t>
  </si>
  <si>
    <t>SOS Cesar : Grand et méchant</t>
  </si>
  <si>
    <t>The Biggest And Baddest</t>
  </si>
  <si>
    <t xml:space="preserve">L’instinct protecteur de ces énormes chiens s’intensifie au moindre signe de faiblesse de leurs propriétaires, les rendant dangereux aussi bien pour les inconnus que pour leurs maîtres. La mission de Cesar : aider ces derniers à surmonter leurs peurs et leur transmettre l’autorité essentielle à l’éducation de ces races de chiens. </t>
  </si>
  <si>
    <t>14:00:00:00</t>
  </si>
  <si>
    <t>P0810580</t>
  </si>
  <si>
    <t>SOS Cesar : Qui commande ?</t>
  </si>
  <si>
    <t>Who's The Boss</t>
  </si>
  <si>
    <t>Dans cet épisode best-of, Cesar Millan part à la rescousse de trois foyers où les chiens font la loi. Sans limites adéquates, ces canidés fous furieux sont devenus dangereux, aussi bien pour leur entourage que pour eux. Cesar doit découvrir les raisons qui se cachent derrière l’agressivité des chiens et leur comportement turbulent, mais également enseigner à leurs propriétaires à être les chefs de meute dont leurs chiens ont besoin.</t>
  </si>
  <si>
    <t>14:50:00:00</t>
  </si>
  <si>
    <t>N0023180</t>
  </si>
  <si>
    <t>Man vs Lion</t>
  </si>
  <si>
    <t>Man V. Lion</t>
  </si>
  <si>
    <t>Man V. Lion, 1</t>
  </si>
  <si>
    <t>01:00</t>
  </si>
  <si>
    <t>Seuls quelques centimètres de plexiglas séparent Boone Smith des plus grands prédateurs de la planète. L'expert des fauves vous emmène plus près des lions d'Afrique que vous ne l'auriez jamais imaginé. Observant trois lions mâles à la recherche de leur prochain repas, Boone Smith décortique toutes les étapes de l'attaque des lions : la traque, la poursuite, le saut, la puissance et la morsure. Boone s'invite au repas des lions dévorant leur proie, s'approchant suffisamment près pour sentir leur souffle.</t>
  </si>
  <si>
    <t>15:40:00:00</t>
  </si>
  <si>
    <t>P0846279</t>
  </si>
  <si>
    <t>Man vs Puma</t>
  </si>
  <si>
    <t>Man vs. Puma</t>
  </si>
  <si>
    <t>Man vs. Puma, 1</t>
  </si>
  <si>
    <t>En Patagonie, les pumas sont des animaux sanguinaires. Pourtant, même les prédateurs les plus redoutables ont été un jour des chatons insouciants. Le spécialiste des grands félins Boone Smith remonte les traces d’une succession de carnages et de meurtres, à la recherche des pumas de Patagonie. Il se rend sur deux lieux où des pumas au comportement étonnant ont élu domicile. Au Chili, leurs proies sont massives et intimidantes. Bien que plus faciles à capturer en Argentine, leur caractère inhabituel va surprendre Boone Smith. Tout à coup, les rôles s’inversent : un félin se met à poursuivre notre spécialiste, alors confronté à une mère affamée en chasse. Boone Smith évolue aux côtés des pumas et décrit leur comportement, de leur statut de chaton à celui de prédateur.</t>
  </si>
  <si>
    <t>16:30:00:00</t>
  </si>
  <si>
    <t>N0025492</t>
  </si>
  <si>
    <t>Big Cat Games</t>
  </si>
  <si>
    <t>United Kingdom</t>
  </si>
  <si>
    <t>Boone Smith présente dans ce documentaire les prédateurs terrestres les plus féroces de la planète, qui s'opposent à travers une série de défis les poussant à la limite de leurs capacités athlétiques. Lions, guépards et tigres sont les plus grands chasseurs du monde animal et chaque jour, ils courent, sautent et traquent leurs proies. Mais qui est le véritable roi de la nature ? Ces olympiades des grands fauves vont enfin nous permettre de le découvrir. Avec un accès complet et le soutien déjà en place du Busch Gardens à Tampa, en Floride, nous avons conçu avec soin une série de tests qui vont non seulement être palpitants à regarder sur le petit écran mais qui vont surtout permettre de mieux comprendre le comportement des grands fauves. Quatre épreuves sont au programme : saut, morsure, chasse et natation. L'arbitre de ces jeux n'est autre que le spécialiste mondial des fauves Boone Smith. Grâce à des images spécialement tournées pour l'occasion qui capturent tous les angles, à des images d'archives,  des images de synthèse incroyables et à l'expertise de Boone Smith, la compétition des grands fauves s'annonce des plus palpitantes.</t>
  </si>
  <si>
    <t>17:20:00:00</t>
  </si>
  <si>
    <t>P0873095</t>
  </si>
  <si>
    <t>L'incroyable Dr Pol : Le grand retour</t>
  </si>
  <si>
    <t>The Incredible Dr. Pol</t>
  </si>
  <si>
    <t>Boot-Scootin' Boogie</t>
  </si>
  <si>
    <t>00:44</t>
  </si>
  <si>
    <t>Dr Pol signe son grand retour ! Dans cet épisode, notre vétérinaire préféré revient à la clinique tout sourire, armé d’une toute nouvelle cheville et de roues en guise d’alliées. Avec l’interdiction de poser le pied au sol pendant six semaines, il supervise les opérations à bord de sa trottinette médicale. Il fonce à toute allure aux quatre coins de l’établissement, recrute Charles comme assistant et apprend l’art du papotage autour d’un délicieux café.</t>
  </si>
  <si>
    <t>18:10:00:00</t>
  </si>
  <si>
    <t>P0873173</t>
  </si>
  <si>
    <t>L'incroyable Dr Pol : Pol’Nord Express</t>
  </si>
  <si>
    <t>North Pol Express</t>
  </si>
  <si>
    <t>Dans cet épisode de L’Incroyable Dr Pol, cas mystérieux, courses-poursuites et magie de Noël sont au rendez-vous. Alors que Dr Pol se remet doucement de son opération, il soigne à bord de sa trottinette deux poulets à l’arrière-train déplumé. Suite à l’appel d’une ferme, Dr Emily et Dr Nicole découvrent une vache atteinte d’une rétention de placenta… enfin, à première vue. Pendant que les vétérinaires bravent les tempêtes de neige, Charles décide de faire une surprise à sa femme.</t>
  </si>
  <si>
    <t>19:05:00:00</t>
  </si>
  <si>
    <t>P0873174</t>
  </si>
  <si>
    <t>L'incroyable Dr Pol : Animaux exotiques</t>
  </si>
  <si>
    <t>The Quest For Camel-Ot</t>
  </si>
  <si>
    <t>Dans cet épisode, la famille Pol fait ses adieux à Kid. Membre à part entière de la tribu depuis des années, Kid a passé ses vieux jours aux côtés de Charles et de Beth. Si l’heure est aux au revoir, préparez-vous à d’autres moments plus joyeux. Plusieurs créatures exotiques arrivent tout droit du sud du Michigan : deux chameaux et un ara assourdissant du nom de Remy, lequel a besoin d’une bonne manucure avant de reprendre la route du sud. À la clinique, Dr Brenda bichonne Bailey le labrador, qui souffre d’une infection à la queue. Buddy le furet doit absolument se remettre d’aplomb s’il veut retrouver son meilleur ami et Cali le chaton réclame un petit coup de bistouri. À l’extérieur, Dr Pol et son fils Charles n’hésitent pas à mettre les mains dans le cambouis pour soulager un groupe de chevaux. C’est parti pour de folles aventures !</t>
  </si>
  <si>
    <t>20:00:00:00</t>
  </si>
  <si>
    <t>P0873172</t>
  </si>
  <si>
    <t>L'incroyable Dr Pol : Délicieux vermifuge</t>
  </si>
  <si>
    <t>More Than A Feline</t>
  </si>
  <si>
    <t>Dans cet épisode, les vétérinaires jonglent entre les soins, les appels et les patients. Dr Pol et Dr Nicole prennent la route en direction de Clay Knob pour des examens de routine et découvrent une véritable ribambelle de bovins. À la clinique, Dr Brenda bichonne un berger d’Anatolie du nom de Darcy, pendant que Dr Emily offre à Copper le chiot labrador un vermifuge enrobé dans du beurre de cacahuète.</t>
  </si>
  <si>
    <t>20:45:00:00</t>
  </si>
  <si>
    <t>Au coeur du zoo: Mon beau sabot</t>
  </si>
  <si>
    <t>Secrets of The Zoo: The Wild Side</t>
  </si>
  <si>
    <t>Hoofin' It</t>
  </si>
  <si>
    <t>Face à la démarche bizarre de Doc le takin, l’expert en sabots Adam est appelé à la rescousse. D’après son diagnostic, Doc porte des « chaussures d’elfe », des sabots en forme de cône qui ont grand besoin d’une pédicure. Alors que Lulu la girafe s’apprête à accoucher d’un instant à l’autre, les soigneurs sont sur le qui-vive. Deux lycaons se voient administrer des implants contraceptifs ; après une première intervention sans problème, la seconde chienne enregistre un pic de température au cours de l’opération. Un seau de glace suffira-t-il à la faire descendre ?</t>
  </si>
  <si>
    <t>21:40:00:00</t>
  </si>
  <si>
    <t>Au coeur du zoo: La relève est assurée</t>
  </si>
  <si>
    <t>Doe A Deer</t>
  </si>
  <si>
    <t>Dans cet épisode, le parc des Wilds connaît un véritable baby-boom. Dr Jan et son équipe attendent avec impatience la naissance des petits de Wangaris le guépard, bien qu’ils doutent de sa capacité à les élever. Alors qu’un chameau au ventre ballonné doit être examiné, un oryx venu d’un autre établissement offre ses services au troupeau de femelles pour assurer le renouvellement de la population.</t>
  </si>
  <si>
    <t>22:20:00:00</t>
  </si>
  <si>
    <t>Michelle ou la vie sauvage : Mère Nature</t>
  </si>
  <si>
    <t>Dr. Oakley: Yukon Vet Compilations</t>
  </si>
  <si>
    <t>M'udder Nature</t>
  </si>
  <si>
    <t>Face aux éléments déchaînés de la région, les animaux du Yukon ont souvent besoin de soins attentionnés. Dans cet épisode, une vache met bas un énorme veau, un bouledogue français impertinent rencontre quelques problèmes pendant son accouchement et une truie se montre très protectrice de ses petits. Bichonner les mamans, qu’elles le soient déjà ou soient en passe de le devenir, occupe une place de choix dans les missions quotidiennes de la vétérinaire Michelle Oakley.</t>
  </si>
  <si>
    <t>23:20:00:00</t>
  </si>
  <si>
    <t>Michelle ou la vie sauvage : L'appel de la nature</t>
  </si>
  <si>
    <t>Call of The Wild </t>
  </si>
  <si>
    <t>Qu’elle prenne sous son aile les créatures emblématiques du nord-ouest du Canada ou brave les éléments les plus violents du Yukon, Michelle Oakley est la vétérinaire la plus sauvage que l’Alaska ait comptée !</t>
  </si>
  <si>
    <t>23:55:00:00</t>
  </si>
  <si>
    <t>P0885608</t>
  </si>
  <si>
    <t>Michelle ou la vie sauvage : Bison futé</t>
  </si>
  <si>
    <t>Dr. Oakley: Yukon Vet</t>
  </si>
  <si>
    <t>One Clever Bison</t>
  </si>
  <si>
    <t>Alors qu’elle attend la naissance d’une portée de chiots, le Dr Oakley doit partir à la rescousse d’un bison têtu et d’un orignal atteint de difficultés respiratoires. De retour à la clinique, elle examine la patte enflée d’un dogue allemand.</t>
  </si>
  <si>
    <t>24:40:00:00</t>
  </si>
  <si>
    <t>Destination Wild : Les îles de l’extrême ep 1</t>
  </si>
  <si>
    <t>Frozen Islands</t>
  </si>
  <si>
    <t>Frozen Islands, 1</t>
  </si>
  <si>
    <t>Une multitude de minuscules îles au climat extrême, essentielles à la survie de millions d’espèces marines qui s’y reproduisent, peuplent les océans Atlantique Sud et Indien, entre 40° et 60° de latitude sud. Les îles de Géorgie du Sud, Bouvet, Marion et Crozet abritent à elles seules l’une des plus grandes colonies d’éléphants de mer, d’otaries à fourrure, d’albatros hurleurs, de manchots royaux et de gorfous dorés. Ces créatures, qui se sont remarquablement bien adaptées aux conditions de ces océans de glace, s’accouplent et élèvent leurs petits sur la terre ferme. Mais la présence de millions d’animaux ne va pas sans celle de prédateurs. Ici, les orques traquent leurs proies.</t>
  </si>
  <si>
    <t>25:20:00:00</t>
  </si>
  <si>
    <t>Destination Wild : Les îles de l’extrême ep 2</t>
  </si>
  <si>
    <t>Frozen Islands, 2</t>
  </si>
  <si>
    <t>Extrêmement reculées, les îles du sud des océans Indien et Pacifique sont presque inaccessibles aux êtres humains. Régions parmi les plus inhospitalières de notre planète, elles sont néanmoins essentielles à la survie de certaines des créatures les plus rares qui existent. Alors que les baleines franches australes se reproduisent dans les baies des îles Auckland et Enderby, les lions de mer de Nouvelle-Zélande ainsi que les manchots antipodes s’accouplent sur les plages et dans les forêts. Les manchots royaux, quant à eux, ne nichent que sur l’île Macquarie, tandis que les albatros royaux ont un faible pour les terrains pentus de l’île Campbell. La présence d’animaux reproducteurs rime avec celle de prédateurs, tels que les orques et les pétrels géants.</t>
  </si>
  <si>
    <t>26:05:00:00</t>
  </si>
  <si>
    <t>N0018761</t>
  </si>
  <si>
    <t>Destination Wild : Alaska à l'état sauvage</t>
  </si>
  <si>
    <t>Wild Alaska</t>
  </si>
  <si>
    <t>La côte d'Alaska abrite l'une des faunes et des flores les plus incroyables de toute l'Amérique. A la fin de l'hiver, les animaux doivent profiter au mieux du soleil avant que ce monde à part ne replonge à nouveau dans les ténèbres. L'hibernation des ours s'achève, ils patrouillent alors le long de la côte à la recherche de nourriture. Les caribous guettent la fonte des glaces en attendant de pouvoir se déplacer, les baleines débutent leur migration... Découvrez le quotidien de ces créatures le long des berges  - une réalité difficile où la vie ne tient qu'à un fil...</t>
  </si>
  <si>
    <t>26:50:00:00</t>
  </si>
  <si>
    <t>P0876478</t>
  </si>
  <si>
    <t>Destination Wild : Alaska, l'été arctique</t>
  </si>
  <si>
    <t>Wild Alaska: Arctic Summer</t>
  </si>
  <si>
    <t>Les côtes sauvages de l’Alaska, plus grand État des États-Unis, accueillent la plus riche biodiversité d’Amérique. Découvrez l’histoire de ces fascinantes créatures qui survivent au cœur de cet environnement hostile.</t>
  </si>
  <si>
    <t>27:30:00:00</t>
  </si>
  <si>
    <t>P0867706</t>
  </si>
  <si>
    <t>La dynastie des chiens de prairie : Course contre la montre</t>
  </si>
  <si>
    <t>Prairie Dog Manor</t>
  </si>
  <si>
    <t>The Great Race</t>
  </si>
  <si>
    <t>00:25</t>
  </si>
  <si>
    <t>Charlotte et Petal se lancent à la recherche de nouveaux territoires et de potentiels partenaires dans les montagnes. Au cœur des plaines, Buttercup et sa fratrie doivent apprendre à survivre sans l’aide de leurs parents. De son côté, Gnash mène un combat décisif pour la nourriture contre Carl et Champ, dont le vainqueur risque d’avoir une longueur d’avance à la fin de l’hibernation.</t>
  </si>
  <si>
    <t>27:55:00:00</t>
  </si>
  <si>
    <t>28:40:00:00</t>
  </si>
  <si>
    <t>29:25:00:00</t>
  </si>
  <si>
    <t>10/01/2021</t>
  </si>
  <si>
    <t>P0752996</t>
  </si>
  <si>
    <t>L'incroyable Dr Pol : Une histoire de paons</t>
  </si>
  <si>
    <t>Peacock-A-Doodle-Do</t>
  </si>
  <si>
    <t xml:space="preserve">Le printemps s'annonce dans le centre du Michigan, et la vie reprend son cours. Les petits animaux naissent – les chiots aussi – et les Pol sortent leur volée de paons ! À l'aube de cette nouvelle saison, Dr Pol se rend dans une ferme Amish pour procéder à une opération. Horse, un cheval de labour, a une large entaille sur la jambe après s'être fait heurter par une voiture. Ses propriétaires craignent que si elle n'est pas soignée, cette blessure ne lui soit fatale. Avec l'aide d'un voisin, Dr Pol commence l'opération, qui prend un tournant dangereux lorsque Horse se réveille de l'anésthésie trop tôt. Après l'avoir à nouveau endormi, Dr Pol se dépêche de finir avant qu'il ne se réveille. De retour à la clinique, Dr Emily s'occupe de Royal, la braque de Weimar de Camille Rice, qui attend des petits. Royal présente des sécrétions anormales et Dr Emily réalise qu'elle est en train de mettre bas ! Dans la ferme de Burt Mann, Dr Brenda vient en aide à une génisse qui éprouve des difficultés à mettre bas, et ne tarde pas à mettre le doigt sur un autre problème... Pendant ce temps, Charles veut redynamiser la volée d'oiseaux de la famille : il veut un nouveau paon. Mais avant cela, le docteur et Charles devront construire un nouveau poulailler. Plus facile à dire qu'à faire...
</t>
  </si>
  <si>
    <t>P0752997</t>
  </si>
  <si>
    <t>L'incroyable Dr Pol : Mamans chéries</t>
  </si>
  <si>
    <t>Mommy Reindeerest</t>
  </si>
  <si>
    <t xml:space="preserve">Le début du printemps signifie que l'on célèbre les mamans dans le Michigan, y compris Diane Pol ! Entre la dangereuse mise bas de Natalie la vache et la fuite de Kita, une jument qui attend des petits, l'équipe vétérinaire devra prendre soin de ces mères et de leurs petits à cette période magique de l'année. Dr Brenda se hâte de soigner un renne malade qui refuse de s'occuper de son petit. Quant au Dr Emily, elle fait face à l'un des accouchements les plus difficiles de sa carrière et devient un héros ! De retour à la clinique, le rottweiler de Bill est malade depuis plusieurs mois et a perdu du poids. Inquiet mais optimiste, Dr Pol réalise une chirurgie exploratoire. Un autre chien dans le besoin arrive – Skipper l'épagneul breton, qui a dévoré la litière d'un chat, a mal à l'estomac. Bien que le cabinet ait fermé ses portes, Dr Emily s'occupe de Skip jusque tard dans la nuit. Cette saison des naissances a beau être chargée, les vétérinaires ne chôment pas : une belle fête des mères s'annonce pour tout le monde. 
</t>
  </si>
  <si>
    <t>P0885609</t>
  </si>
  <si>
    <t>Michelle ou la vie sauvage : Une course pas comme les autres</t>
  </si>
  <si>
    <t>Running With Reindeer</t>
  </si>
  <si>
    <t>Dans cet épisode, le Dr Oakley participe à une course où s’affrontent rennes et humains, cinq vaches musquées sont soumises à des tests de grossesse et Daisy prend part à une réunion de famille.</t>
  </si>
  <si>
    <t>P0783880</t>
  </si>
  <si>
    <t>Urgences Animales : Evacuation</t>
  </si>
  <si>
    <t>Animal ER</t>
  </si>
  <si>
    <t>Fire Drill</t>
  </si>
  <si>
    <t>Dans ce nouvel épisode, les vétérinaires de la clinique Gulf Coast traitent un tigre blanc qui a une grosseur à l’œil, un ancien chien policier qui souffre de la cheville, un croisé terrier qui présente des problèmes de reins et un paresseux unaus qui a des abcès chroniques. Lorsqu’un incendie se déclare dans la clinique, le personnel évacue prudemment les lieux, en veillant à ne perdre aucun patient ni propriétaire d’animal.</t>
  </si>
  <si>
    <t>Destination Wild : Laponie</t>
  </si>
  <si>
    <t>Wild Lapland</t>
  </si>
  <si>
    <t>Wild Lapland 1, 1</t>
  </si>
  <si>
    <t>Les lumières vertes dansent dans un ciel étoilé. Des flocons de neige scintillent sur les arbres. Il n'est pas étonnant que la Laponie soit célèbre en tant que royaume des elfes et des rennes volants, la maison magique du Père Noël. Cependant, La Laponie, est un endroit réel, où de vrais animaux et des personnes vivent leur vie. C'est la nature sauvage la plus étonnante et la plus rude d'Europe mais tout aussi magique . Ce film est un portrait intime de la Laponie au fil des saisons. Il suit la magie et le drame de la vie dans le nord gelé, longtemps après que les lumières de Noël aient été éteintes, et où seuls les plus durs survivent.</t>
  </si>
  <si>
    <t>Europe, continent sauvage : Le retour des titans</t>
  </si>
  <si>
    <t>Europe's New Wild</t>
  </si>
  <si>
    <t>Return of The Titans</t>
  </si>
  <si>
    <t>Netherlands</t>
  </si>
  <si>
    <t>Au cœur des Carpates et de plusieurs bastions de la faune, plusieurs mesures viennent en aide à la nature. La réintroduction du bison d’Europe et la reproduction du loup gris sur le continent signent le retour d’espèces sauvages qui bénéficie à la fois aux autres animaux, mais aussi aux humains.</t>
  </si>
  <si>
    <t>P0950387</t>
  </si>
  <si>
    <t>Europe, continent sauvage : Le lynx disparu</t>
  </si>
  <si>
    <t>The Missing Lynx</t>
  </si>
  <si>
    <t>Dans l’ensemble de la péninsule ibérique, les chaînes alimentaires et les écosystèmes se rétablissent progressivement, permettant ainsi à certains animaux menacés, parmi lesquels le chat le plus rare du monde, de prospérer à nouveau.</t>
  </si>
  <si>
    <t>N0027856</t>
  </si>
  <si>
    <t>Destination Wild : Europe - La vie malgré le froid</t>
  </si>
  <si>
    <t>Europe's Great Wilderness</t>
  </si>
  <si>
    <t>Life Below Zero</t>
  </si>
  <si>
    <t xml:space="preserve">Depuis un million d’années, notre planète a connu une série d’ères glaciaires majeures. La plus grande partie de l’hémisphère nord était recouvert d’une calotte glaciaire épaisse de plusieurs kilomètres ; les êtres vivants n’ont pas eu d’autre choix que de s’adapter ou de mourir. Avec le temps, les températures ont augmenté : il en a résulté la fonte des glaces dans la plupart des régions. Mais à certains endroits, les températures négatives persistent et de nombreuses espèces se battent quotidiennement pour leur survie. </t>
  </si>
  <si>
    <t>P0796034</t>
  </si>
  <si>
    <t>L'incroyable Dr Pol : Dr Pol à la rescousse</t>
  </si>
  <si>
    <t>E-I-E-I Pol</t>
  </si>
  <si>
    <t>Quelle que soit la saison, le travail et les problèmes inattendus sont toujours au rendez-vous dans cette ferme située au cœur du Michigan, souvent liés aux animaux de la ferme. Pas de panique, Dr Pol et son équipe arrivent à la rescousse, prêts à résoudre chaque cas particulier qu’apporte de nouvelles saisons. Si les pluies printanières s’accompagnent de fleurs en mai, elles annoncent également une situation délicate à la ferme de Bill Ulrich. Bill fait appel au vétérinaire Dr Pol pour sauver son imposant taureau de près d’une tonne qui boitille. Suite à un examen rapide et minutieux, le vétérinaire conclut que le robuste taureau a simplement besoin d’une manucure-pédicure ! Le printemps connait aussi son lot d’heureuses naissances, mais un petit veau donne à Kristyn Hoffman bien plus de soucis que de joies. Le Dr Emily s’empare du dossier et tente de découvrir les raisons de la chute du sabot du veau. Au cours de l’été, le Dr Pol contrôle la grossesse inattendue d’un chameau.</t>
  </si>
  <si>
    <t>P0796035</t>
  </si>
  <si>
    <t>L'incroyable Dr Pol : L’alpagalypse</t>
  </si>
  <si>
    <t>The Alpacalypse</t>
  </si>
  <si>
    <t>Une nouvelle semaine pleine de surprises se prépare pour le Dr Pol et son équipe, avec au programme quatre alpagas se croyant sur un ring de boxe, des animaux incapables de tenir sur leurs quatre pattes, un bouledogue en sang ainsi qu’un essaim de larves peu ragoutantes. Le vétérinaire prend la route en direction de House Farms où l’attend un vêlage d’urgence. Un os s’est cassé et se trouve dans le bassin de la vache, bloquant ainsi la sortie de son veau. L’heure est venue au Dr Pol de montrer son incroyable talent ! De retour à la clinique, un bouledogue américain de 42 kilos attend l’équipe. Baptisé Brutus, son tempérament est à la hauteur de son nom. Le chien est en état de détresse, du sang s’écoulant sur ses pattes, mais se montre peu coopératif lorsque le Dr Emily doit examiner son arrière-train. De son côté, le Dr Pol fait la rencontre de quatre alpagas adorables mais bagarreurs, sujets d’une rivalité fraternelle.</t>
  </si>
  <si>
    <t>P0949084</t>
  </si>
  <si>
    <t>Europe, continent sauvage : Terres enneigées</t>
  </si>
  <si>
    <t>Land of Snow And Ice</t>
  </si>
  <si>
    <t>Éleveurs samis de rennes et défenseurs de l’environnement unissent leurs forces afin de tenter de sauver l’une des frontières les plus sauvages d’Europe. Grâce à la neige et à la glace, l’humain renoue progressivement avec la nature.</t>
  </si>
  <si>
    <t>P0867704</t>
  </si>
  <si>
    <t>La dynastie des chiens de prairie : Alliance improbable</t>
  </si>
  <si>
    <t>The Big Sheep</t>
  </si>
  <si>
    <t>L’hiver approche dans le nord du Nouveau-Mexique. Alors que Carl et ses petits s’apprêtent à hiberner dans les montagnes, l’alliance inattendue de redoutables prédateurs fait planer une sérieuse menace sur les chiens du territoire. De son côté, Pelt quitte les plaines à la découverte de terres inconnues.</t>
  </si>
  <si>
    <t>11/01/2021</t>
  </si>
  <si>
    <t>P0812706</t>
  </si>
  <si>
    <t>Destination Wild : Russie - Kamtchatka, la ceinture de feu</t>
  </si>
  <si>
    <t>Wild Russia</t>
  </si>
  <si>
    <t>Kamchatka: Ring of Fire</t>
  </si>
  <si>
    <t>Partez à la découverte de Kamtchatka, véritable paradis isolé pour les espèces sauvages, situé à l’extrême est de la Russie. Les animaux luttent pour survivre au froid glacial de ces étendues sauvages.</t>
  </si>
  <si>
    <t>N0024568</t>
  </si>
  <si>
    <t>Destination Wild : Tasmanie, l'île aux diables</t>
  </si>
  <si>
    <t>The Living Edens</t>
  </si>
  <si>
    <t>Tasmania: Land of The Devils</t>
  </si>
  <si>
    <t>Au large de l'Australie se trouve la mystérieuse île de Tasmanie. Protégée de certaines des forces qui ont profondément modifié le visage du continent australien, la Tasmanie est un éden fait de forêts majestueuses, de montagnes enneigées, de rivières sauvages et d'un littoral encore vierge. La Tasmanie est aussi le sanctuaire du plus grand marsupial carnivore du monde : le Diable de Tasmanie, d'arbres millénaires et des plus grandes plantes à fleurs de la planète. Wallabies, rats-kangourous, dasyurus, serpents-tigres et perruches terrestres ont également élu domicile sur ce territoire unique. Mais les merveilles de la Tasmanie ne sont pas uniquement terrestres. Au large des côtes, les forêts d'algues géantes et les jardins d'éponges abritent de nombreuses espèces de poissons dont beaucoup n'existent nulle part ailleurs sur le globe.</t>
  </si>
  <si>
    <t>Michelle ou la vie sauvage : Férocement mignon !</t>
  </si>
  <si>
    <t>Fur-Ociously Cute</t>
  </si>
  <si>
    <t>Célèbre pour son territoire accidenté et ses habitants farouches, la région emblématique du Yukon cache également un cœur tendre sous sa carapace. Des bébés porcs-épics à un jeune orignal attachant, en passant par de petits lynx, la vétérinaire Michelle Oakley prend sous son aile plusieurs animaux férocement mignons.</t>
  </si>
  <si>
    <t>Michelle ou la vie sauvage : Agent Oakley</t>
  </si>
  <si>
    <t>Double O Oakley</t>
  </si>
  <si>
    <t>Chaque jour s’apparente à un nouveau défi pour Michelle Oakley, seule vétérinaire du Yukon à soigner toutes les espèces à des kilomètres à la ronde. Se battre contre des bisons, traquer des bouquetins dans les montagnes, opérer un ours, braver la glace afin de relâcher des lynx en pleine nature… Notre vétérinaire ne recule devant rien pour sauver les animaux qui lui sont confiés.</t>
  </si>
  <si>
    <t>P0885606</t>
  </si>
  <si>
    <t>Michelle ou la vie sauvage : Le somme du porc-épic</t>
  </si>
  <si>
    <t>Don't Poke A Sleeping Porcupine</t>
  </si>
  <si>
    <t>Dans cet épisode, un jeune renne aux nombreuses maladies compte sur le Dr Oakley pour retrouver sa forme olympique, tandis qu’un porc-épic déjà âgé souffre d’un problème de lenteur.</t>
  </si>
  <si>
    <t>P0885607</t>
  </si>
  <si>
    <t>Michelle ou la vie sauvage : Brûlure canine</t>
  </si>
  <si>
    <t>The Stricken Chicken</t>
  </si>
  <si>
    <t>Dans cet épisode, le Dr Oakley reçoit deux bœufs musqués pour le moins têtus ainsi qu’un coyote particulièrement rusé. Un chien gravement brûlé se voit prodiguer un traitement inédit, à l’odeur de poisson.</t>
  </si>
  <si>
    <t>P0885652</t>
  </si>
  <si>
    <t>L'incroyable Dr Pol : En route !</t>
  </si>
  <si>
    <t>The Incredible Dr. Pol Compilations</t>
  </si>
  <si>
    <t>Highway Pol-Trol</t>
  </si>
  <si>
    <t>Être vétérinaire de campagne implique d’être mobile. Certains jours, Dr Pol trouve à peine le temps de manger entre la ferme, la grange, les champs et les visites à domicile. Peu importe l’heure ou les conditions météorologiques, les animaux n’attendent pas ! Dans cet épisode, prenez la route aux côtés des vétérinaires de la clinique.</t>
  </si>
  <si>
    <t>P0885651</t>
  </si>
  <si>
    <t>L'incroyable Dr Pol : Dix pour le prix d’un</t>
  </si>
  <si>
    <t>Moo For The Price of One</t>
  </si>
  <si>
    <t>Non, vous ne rêvez pas ! Les vétérinaires de la clinique voient double, eux aussi. Bien que Dr Pol et son équipe soient habitués aux journées chargées, les animaux surpassent parfois en nombre les soignants. Naissance de jumeaux, trios d’alpagas, chiots par dizaines… Une folie de tout poil se prépare ! Dans cet épisode, nos vétérinaires mettent les bouchées doubles.</t>
  </si>
  <si>
    <t>P0812705</t>
  </si>
  <si>
    <t>Destination Wild : Russie - À l’est d’Éden</t>
  </si>
  <si>
    <t>East of Eden</t>
  </si>
  <si>
    <t>Le lac Baïkal et le delta de la mer Caspienne, véritables trésors pour la biodiversité, abritent de mystérieuses créatures. Les secrets les mieux gardés de la Russie s’y cachent.</t>
  </si>
  <si>
    <t>P0820984</t>
  </si>
  <si>
    <t>Destination Wild : Russie - Au cœur de la Sibérie glaciale</t>
  </si>
  <si>
    <t>Siberia's Frozen Heart</t>
  </si>
  <si>
    <t>Dans les terres désolées et glaciales de Sibérie, les températures font le grand écart. Alors qu’elles peuvent atteindre -62°C en hiver, le mercure monte jusqu’à 40°C en été. Ces températures de l’extrême ne sont toutefois pas un obstacle pour les espèces sauvages.</t>
  </si>
  <si>
    <t>P0814258</t>
  </si>
  <si>
    <t>Destination Wild : Russie - Le royaume secret</t>
  </si>
  <si>
    <t>The Hidden Kingdom</t>
  </si>
  <si>
    <t>À l’extrême est de la Russie, la taïga boréale montagneuse du nord rencontre les forêts pluviales tempérées du sud. Région sauvage comme il en reste peu, des espèces fascinantes y trouvent un dernier refuge.</t>
  </si>
  <si>
    <t>P0785056</t>
  </si>
  <si>
    <t>Destination wild : Siberie</t>
  </si>
  <si>
    <t>Wild Year: Siberia</t>
  </si>
  <si>
    <t>New Zealand</t>
  </si>
  <si>
    <t>Seuls les animaux les plus robustes sont capables de survivre en Sibérie. Pendant une année dans la nature, les ours polaires, les rennes, les grues du Japon, les saumons masous et les belettes doivent supporter un hiver long et impitoyable et profiter de la courte période d’abondance du printemps. Des rives recouvertes de glace du nord jusqu’aux profondeurs de la taïga en passant par les kilomètres de toundra, ces animaux doivent faire face à des dangers incroyables et lutter pour survivre.</t>
  </si>
  <si>
    <t>P0851767</t>
  </si>
  <si>
    <t>Au coeur du zoo : Les héros du zoo</t>
  </si>
  <si>
    <t>Secrets of The Zoo</t>
  </si>
  <si>
    <t>Run Cheetah Run</t>
  </si>
  <si>
    <t>Les vétérinaires du zoo enfilent leur cape de super héros et partent dans l’État américain de l’Alabama porter secours à 16 aras entassés. Emmet le guépard subit une opération de l’épaule, une première pour son espèce. Dans le parc des Wilds, les vétérinaires font passer des examens de gravidité à des juments et cherchent une raison médicale à l’éloignement d’un cheval de sa horde. Les oursons polaires Niva et Nuniq s’essaient à la nage dans un bassin peu profond avant de plonger dans le grand bain. Haleakala le flamant rose témoigne son amour et sa reconnaissance à ses soigneurs qui chouchoutent ses longues pattes raidies.</t>
  </si>
  <si>
    <t>P0944450</t>
  </si>
  <si>
    <t>Au cœur du zoo : Canard boiteux</t>
  </si>
  <si>
    <t>Duckumentary</t>
  </si>
  <si>
    <t>Cette semaine, nous ferons la rencontre de Rory le canard, resté loin des projecteurs pendant bien trop longtemps en raison de sa patte gonflée. Deux ambassadeurs d’espèces menacées, Krypto l’onagre et Unga le bonobo, prennent un nouveau départ grâce aux bons soins de l’équipe vétérinaire. Enfin, Zucchini le castor se voit limer ses dents devenues trop longues. Bienvenue dans les coulisses du zoo et aquarium de Columbus !</t>
  </si>
  <si>
    <t>N0023380</t>
  </si>
  <si>
    <t>Michelle ou la vie sauvage : Une vie de chien</t>
  </si>
  <si>
    <t>Yukon Vet</t>
  </si>
  <si>
    <t>Mush Madness</t>
  </si>
  <si>
    <t>00:55</t>
  </si>
  <si>
    <t>Dans les jours qui précèdent la Percy DeWolfe Memorial Mail Race, le Dr Michelle Oakley doit boucler ses dossiers et se préparer à aider pour la course. Elle doit rencontrer l'équipe d'un musher expérimenté dont les chiens tireront bientôt un traineau et ausculter un ancien chien champion dont la tumeur semble préoccupante. Elle a même la chance de voir un tout jeune chiot. Mais les chiens ne sont pas ses seuls patients : entre le bilan d'un chat sauvage et la manucure d'un énorme boeuf musqué, Michelle a de quoi faire. Le jour de la course, elle n'arrête pas une seconde. Entre un chien avec une patte enflée et un chiot déshydraté, ses compétences sont mises à rude épreuve.</t>
  </si>
  <si>
    <t>N0023183</t>
  </si>
  <si>
    <t>Michelle ou la vie sauvage : Caribous volants</t>
  </si>
  <si>
    <t>Flying Caribou</t>
  </si>
  <si>
    <t>Michelle est appelée à Québec pour aider une équipe de scientifiques tentant de sauver un troupeau de caribous de l'extinction. Pour cela, ils doivent capturer quatre femelles enceintes et les transporter par hélicoptère jusqu'à un très grand enclos où elles resteront jusqu'à ce que leurs petits soient nés et assez grands pour être capables de se défendre. Pourront-ils attraper suffisamment d'animaux pour sauver ce troupeau ? De retour à la clinique, Michelle examine un labrador nommé Rose mais les nouvelles ne sont pas bonnes. Elle a déjà opéré cette chienne d'une tumeur cancéreuse précédemment. Rose pourra-t-elle survivre à une nouvelle rechute ?</t>
  </si>
  <si>
    <t>N0023184</t>
  </si>
  <si>
    <t>Michelle ou la vie sauvage : La bête du Yukon</t>
  </si>
  <si>
    <t>When Coyotes Attack</t>
  </si>
  <si>
    <t>Dans cet épisode, la vétérinaire Michelle Oakley doit sauver la vie d'animaux attaqués par les prédateurs du Yukon. Michelle fait face à un carcajou dans le parc Kroschel et s'occupe d'un chien gravement blessé par un coyote. Les Oakley eux-mêmes sont confrontés à ce drame dans leur propre jardin, un coyote a attaqué la chèvre de Willow qui est dans un état critique.</t>
  </si>
  <si>
    <t>Michelle ou la vie sauvage : Miracle canin</t>
  </si>
  <si>
    <t>The Miracle Dog</t>
  </si>
  <si>
    <t xml:space="preserve">Alors que le Dr Oakley se rend à la Williams Reindeer Farm pour ausculter de jeunes rennes tout juste nés, elle découvre que l’un d’entre eux est gravement malade. Elle et son équipe examinent ensuite Clark l’orignal dans l’espoir de calmer sa toux. De retour à la clinique, la vétérinaire et ses collègues opèrent Archer, le chien miraculé, avant d’essayer d’apprivoiser Frasier George, un lapin turbulent. </t>
  </si>
  <si>
    <t>N0011866</t>
  </si>
  <si>
    <t>Les cowboys des marais : L'ours cambrioleur</t>
  </si>
  <si>
    <t>Break In Bear</t>
  </si>
  <si>
    <t xml:space="preserve">Ed doit stopper un ours qui vient faire ses réserves pour l'hiver en volant la nourriture des autres animaux du parc Billie Swamps.  Son équipe met en place un piège mais la tâche semble plus ardue qu'il n'y parait puisque l'ours ne cesse de leur échapper. L'équipe ne s'avoue pas vaincue face à l'animal. Après plusieurs tentatives et autant de bons repas pour l'ours, il est finalement capturé et transféré dans un endroit du parc où il n'aura plus accès à la nourriture des autres animaux. </t>
  </si>
  <si>
    <t>N0011865</t>
  </si>
  <si>
    <t>Les cowboys des marais : Evasion de croco</t>
  </si>
  <si>
    <t>Croc Escape</t>
  </si>
  <si>
    <t>Basé dans les Everglades en Floride, les "Gator Guys" (Hommes crocodiles) explorent le parc animalier le plus sauvage d'Amérique du Nord, dans lequel l'équipe du Billie Swamp Safari pour repousser alligators, ours, serpents et autres créatures dangereuses et éviter ainsi les accidents avec le public.</t>
  </si>
  <si>
    <t>P0870295</t>
  </si>
  <si>
    <t>Les aventures de Jack l'intrépide : Combat de crocodiles</t>
  </si>
  <si>
    <t>Out There With Jack Randall</t>
  </si>
  <si>
    <t>Battle of The Crocs</t>
  </si>
  <si>
    <t>Le téméraire zoologue Jack Randall se rend dans le Territoire du Nord, en Australie, en première ligne d’une bataille opposant deux espèces de crocodiles sanguinaires. Les gigantesques crocodiles marins ne tardent pas à l’emporter sur leurs plus petits cousins d’eau douce. Jack vient prêter mainforte aux scientifiques et spécialistes locaux pour capturer et surveiller ces redoutables dinosaures des temps modernes afin de maintenir le fragile équilibre de la nature.</t>
  </si>
  <si>
    <t>N0022100</t>
  </si>
  <si>
    <t>Destination Wild : Australie : La forêt des koalas</t>
  </si>
  <si>
    <t>Wild Australia</t>
  </si>
  <si>
    <t>Koala Forest</t>
  </si>
  <si>
    <t>Germany</t>
  </si>
  <si>
    <t>Les forêts d'eucalyptus à l'est de l'Australie sont connues pour abriter les koalas. Mais il n'y a pas que les koalas ! Le jour, les serpents grouillent et la nuit, d'étranges mammifères prennent l'air. Les plus étonnantes créatures peuplent les forêts, comme l'ornithorynque à bec de canard et son étrange cousine l'échidné. Mais ce sont les koalas qui sont les plus aimés, pourtant, quand la saison des amours arrive, il s'avère qu'ils ne sont pas aussi câlins qu'ils ont l'air!</t>
  </si>
  <si>
    <t>N0015109</t>
  </si>
  <si>
    <t>Enquêtes sauvages : Attention au tueur !</t>
  </si>
  <si>
    <t>Wild Scene Investigation</t>
  </si>
  <si>
    <t>Killer Cat Thief</t>
  </si>
  <si>
    <t>00:35</t>
  </si>
  <si>
    <t>A l'heure où la nuit tombe, nos 3 enquêteurs interviennent dans une petite ville terrorisée au centre du Vermont. Des chats bien aimés disparaissent en pleine nuit. Les habitants veulent trouver le coupable. Les talents de fins limiers de l'équipe seront-ils à la hauteur face à ce tueur rusé ? Pourront-ils trouver celui ou celle qui subtilise les chers mistigris et résoudre cette énigme une bonne fois pour toute ?</t>
  </si>
  <si>
    <t>12/01/2021</t>
  </si>
  <si>
    <t>N0022097</t>
  </si>
  <si>
    <t>Destination Wild : Australie : Le kangourou roux</t>
  </si>
  <si>
    <t>Desert of The Red Kangaroo</t>
  </si>
  <si>
    <t>Son royaume est le désert : au coeur de l'Australie vit le plus grand marsupial sur terre, le kangourou roux. Avec des mois de sécheresse, de chaleur torride et seulement quelques touffes d'herbes sèches, vivre ici requiert un mental à toute épreuve. Tout en muscle, le géant roux saute à travers l'Outback sur ses puissantes pattes arrière - un moyen d'économiser de l'énergie tout en se déplaçant. Regardez l'Australie comme vous ne l'avez jamais vue avant !</t>
  </si>
  <si>
    <t>P0885653</t>
  </si>
  <si>
    <t>L'incroyable Dr Pol : Tel père, tel fils</t>
  </si>
  <si>
    <t>A Few Pol Men</t>
  </si>
  <si>
    <t>Charles le dit lui-même : « Papa a toujours raison. » Cette équipe père-fils travaille dur mais s’amuse aussi beaucoup. Notre duo répond toujours à l’appel lorsqu’il s’agit de s’arrêter pour prendre une glace sur la route ou de glisser dans la boue en pleine intervention. Cet épisode sera consacré à la formidable équipe que forment Dr Pol et son fils.</t>
  </si>
  <si>
    <t>P0934230</t>
  </si>
  <si>
    <t>Requins vs Dauphins</t>
  </si>
  <si>
    <t>Sharks vs. Dolphins: Blood Battle</t>
  </si>
  <si>
    <t>Si requins et dauphins se partagent les océans depuis des millénaires, les scientifiques commencent tout juste à comprendre la nature de leur relation. De nouvelles études bousculent tout ce que nous pensions savoir sur les requins. Souvent perçus comme les tueurs en série des mers ou comme des loups solitaires, ils chassent pourtant en équipe, apprennent et transmettent leurs connaissances à leurs congénères. Ils disposent de tous les attributs physiques et intellectuels nécessaires pour combattre les dauphins, qui excèdent tout ce que nous imaginions jusqu’ici. Aux côtés du Dr Mike Heithaus, nous mettrons le cap sur la baie Shark, en Australie, où les deux espèces s’affrontent continuellement afin de régner sur les mers. À l’aide des dernières technologies de pointe, nous pourrons apercevoir la bataille qui se joue sous les vagues.</t>
  </si>
  <si>
    <t>P0934231</t>
  </si>
  <si>
    <t>Requin-bouleodgue, requin dangereux</t>
  </si>
  <si>
    <t>Raging Bullshark</t>
  </si>
  <si>
    <t>Plus petit et plus passe-partout que ses congénères, le requin-bouledogue n’a été pendant longtemps que le troisième coupable d’attaques meurtrières, derrière le grand requin blanc et le requin-tigre. Or, à mesure que le dérèglement climatique réchauffe les eaux de la planète, son territoire s’étend et il fait aujourd’hui son entrée dans la cour des grands, devenant ainsi le plus redoutable requin du monde.</t>
  </si>
  <si>
    <t>N0011819</t>
  </si>
  <si>
    <t>Les aventures de Brady Barr</t>
  </si>
  <si>
    <t>Dangerous Encounters</t>
  </si>
  <si>
    <t>Shark From The Abyss</t>
  </si>
  <si>
    <t>Au cours de ses nombreuses aventures, l'herpétologiste Brady Barr s'est confronté aux plus dangereux prédateurs du monde. Cette fois-ci, il s'est lancé à la poursuite d'un authentique mystère des abysses, l'insaisissable requin sixgill, afin de faire un peu plus la lumière sur les spécificités de ce prédateur effrayant. Brady va devoir braver les abîmes de l'océan au Honduras, le froid extrême du Puget Sound et les prédateurs redoutables d'Hawaii. Au terme de cette aventure, il espère comprendre pourquoi cet animal peu connu qui vit normalement dans les eaux jusqu'à 8000 mètres de profondeur se retrouve occasionnellement dans des mers bien moins profondes. Le rêve ultime de notre expert est de d'approcher l'une de ces créatures et ... peut-être même nager avec elle. Réussira-t-il ?</t>
  </si>
  <si>
    <t>N0019625</t>
  </si>
  <si>
    <t>Sharks Attack ! Le tueur de Californie</t>
  </si>
  <si>
    <t>When Sharks Attack</t>
  </si>
  <si>
    <t>California Killer</t>
  </si>
  <si>
    <t>La côte densément peuplée de Californie du Sud a soudainement connu des attaques du plus féroce prédateur de la nature, laissant les baigneurs non avertis à la merci d'une bête sanguinaire ayant un goût prononcé pour la chair humaine...</t>
  </si>
  <si>
    <t>P0934232</t>
  </si>
  <si>
    <t>Requin vs Surfeur</t>
  </si>
  <si>
    <t>Shark vs. Surfer</t>
  </si>
  <si>
    <t>Chaque été, les rumeurs d’attaques de surfeurs par des requins se multiplient. Surfer au côté de ces mastodontes des mers pose-t-il une réelle menace ? S’agit-il uniquement d’une poignée de victimes malheureuses ? Nous nous rendrons sur les spots de surf prisés par les requins aux quatre coins du globe et revivrons quelques-unes des rencontres filmées les plus funestes entre les sportifs et ces énormes poissons afin de déterminer la réalité du danger.</t>
  </si>
  <si>
    <t>P0851769</t>
  </si>
  <si>
    <t>Au coeur du zoo : Chats superstars</t>
  </si>
  <si>
    <t>Rhino-Mite!</t>
  </si>
  <si>
    <t>De la Floride à la Californie, l’équipe du zoo sillonne les côtes américaines pour sauver des animaux. Elle ramène ainsi Jedi et June Bug, deux lamantins, à leurs eaux natales et emmène quatre chats sauvages à Los Angeles pour une apparition sur le plateau du Late Late Show with James Corden aux côtés de Jack Hannah. Pendant ce temps-là au zoo, l’échographie d’un rhinocéros blanc donne des résultats impressionnants et le docteur Priya traite en urgence une pintade au comportement anormal.</t>
  </si>
  <si>
    <t>N0015573</t>
  </si>
  <si>
    <t>Chasseurs de pythons : La folie du crapaud buffle</t>
  </si>
  <si>
    <t>Cane Toad Madness</t>
  </si>
  <si>
    <t>Dans ce dernier volet de leurs aventures en Australie, nos chasseurs font équipe avec des experts pour protéger des espèces menacées, soigner des animaux blessés, et en relâcher certains. La nuit tombée, les chasseurs partent à la recherche du fameux serpent Keelback, le seul prédateur d'Australie qui tolère les toxines libérées par les glandes du crapaud buffle, véritable fléau pour faune d'Australie. Les chasseurs de pythons rejoignent ensuite Bob Irwin afin de l'aider à sauver des tortues de mer en danger. Une altercation avec des conducteurs de quad sur la plage, qui perturbent les déplacements des tortues marines, nous rappelle que la conservation est une mission délicate à mener notamment en termes de communication avec les populations. A la fin de cet épisode, Bob Irwin invite les trois hommes à participer à un moment inoubliable pour tout le monde : deux tortues de mer sont relâchées, après avoir été soignées et étudiées comme il se doit.</t>
  </si>
  <si>
    <t>N0015572</t>
  </si>
  <si>
    <t>Chasseurs de pythons : L'île infestée de serpents</t>
  </si>
  <si>
    <t>Snake Infested Island</t>
  </si>
  <si>
    <t xml:space="preserve">Les chasseurs de pythons sont à Guam, une île du Pacifique infestée d'espèces invasives. Le biologiste James Stanford mène et coordonne le travail en vue du retrait du serpent brun arboricole de l'île. En effet très rapidement nos trois chasseurs voient les serpents littéralement tomber des arbres autour d'eux. Ils visitent une réserve ornithologique où se trouve le râle de Guam, un oiseau spécifique de l'île, menacé d'extinction à cause du serpent brun arboricole. Non loin de là, les îles Cocos abritent le Varan du Pacifique, un lézard géant invasif. Nos hommes se joignent à une partie de chasse, à la recherche d'informations scientifiques sur son comportement. De retour sur l'île de Guam, nos trois hommes rencontrent le biologiste Bjorn Lardner, qui étudie le schéma des mouvements des serpents bruns arboricoles. Il insère une petite radio à l'intérieur d'un gecko mort mais le réel challenge est de convaincre un bébé serpent d'avaler l'appât. </t>
  </si>
  <si>
    <t>N0015618</t>
  </si>
  <si>
    <t>Chasseurs de pythons : Des cobras dans la ville</t>
  </si>
  <si>
    <t>Cobras In The City</t>
  </si>
  <si>
    <t>Confrontés à la forte inondation qui a ravagé la Thaïlande et Bangkok en particulier, les chasseurs partent à la recherche des serpents nichés dans les recoins des maisons inondées, saisissent des lézards géants qui infestent la ville, et essaient de mettre la main sur l'un des plus longs serpents au monde. Les chasseurs rejoignent la hotline SOS serpents dangereux, et attrapent ainsi un fer de lance asiatique, un serpent venimeux, afin de lui trouver un habitat plus approprié. Le plus grand parc de la ville, un véritable paradis pour reptiles, est  infesté de grands lézards. Les trois hommes donnent un coup de main aux rangers locaux chargés d'en attraper le plus grand nombre possible, afin de les relâcher en dehors de la ville. Répondant à un appel urgent, ils partent à la recherche d'une vipère de Russell, très venimeuse, mais une fois sur place, c'est à autre chose qu'ils se trouvent confrontés... Ils finiront par attraper un python géant enroulé autour d'un tronc d'arbre.</t>
  </si>
  <si>
    <t>P0758531</t>
  </si>
  <si>
    <t>Snakes In The City : La recette du désastre</t>
  </si>
  <si>
    <t>Recipe For Disaster</t>
  </si>
  <si>
    <t xml:space="preserve">Les chasseurs de serpents Simon et Siouxsie détruisent une cuisine pour récupérer un serpent inoffensif, mais trouvent un mamba noir à la place. Le plus grand cobra d'Afrique est en liberté dans un centre commercial, et un mécanicien trouve un serpent mortel dans sa boîte à outils. 
</t>
  </si>
  <si>
    <t>N0026726</t>
  </si>
  <si>
    <t>Snakes In The City : Mamba dans mon placard</t>
  </si>
  <si>
    <t>Mamba In My Closet!</t>
  </si>
  <si>
    <t>L'action ne manque pas dans la "Snakes in the city". Des personnes désespérées ne cessent d'appeler pour solliciter l'aide de Simon et Siouxsie. De Mambas noirs mortels cachés dans les armoires aux cobras cracheurs dans les usines en passant par les mambas verts se promenant dans les casinos, Simon et Siouxsie n'ont pas eu le temps de finir une seule tasse de café depuis des jours et chaque fois qu'ils s'apprêtent à se reposer, le téléphone sonne. Ils viennent juste d'arriver dans une maison de banlieue où Simon repère immédiatement un cobra des forêts dans le jardin, mais il s'enfuit. Il se lance alors à la poursuite de ce cobra qui se dirige vers la cime des arbres. Simon est dans une situation désavantageuse, le cobra des forêts est un excellent grimpeur et sa morsure peut conduire à la paralysie musculaire en quelques minutes.</t>
  </si>
  <si>
    <t>P0870298</t>
  </si>
  <si>
    <t>Les aventures de Jack l'intrépide : Assaut de kangourous</t>
  </si>
  <si>
    <t>The Kangaroo Mob</t>
  </si>
  <si>
    <t>Le zoologue Jack Randall s’enfonce au cœur de l’outback australien afin de réaliser son rêve ultime : intégrer une troupe de kangourous à l’état sauvage. En chemin, il attrape des serpents, poursuit des lézards et tient tête à de redoutables dingos. Il porte secours à un bébé kangourou orphelin et lui apprend à se débrouiller seul avant qu’il ne soit relâché en pleine nature.</t>
  </si>
  <si>
    <t>00:47</t>
  </si>
  <si>
    <t>N0015110</t>
  </si>
  <si>
    <t>Enquêtes sauvages : Voleur de chiens</t>
  </si>
  <si>
    <t>Dog Snatcher</t>
  </si>
  <si>
    <t>A Elgin, dans l'Illinois, un nombre inquiétant de chiens ont disparu depuis 5 ans. Les propriétaires sont désemparés, ils n'osent même plus sortir leur chien. Nos 3 enquêteurs vont tenter de filmer le coupable avant qu'il ne fasse d'autres victimes.</t>
  </si>
  <si>
    <t>28:45:00:00</t>
  </si>
  <si>
    <t>13/01/2021</t>
  </si>
  <si>
    <t>N0022098</t>
  </si>
  <si>
    <t>Destination Wild : Australie : La jungle jurassique</t>
  </si>
  <si>
    <t>Jurassic Jungle</t>
  </si>
  <si>
    <t>La zone la plus cachée reste peut-être la plus mystérieuse du continent australien : la forêt tropicale du nord-est du pays. Dans les arbres les kangourous grimpent. Dans les marais se cachent les " salties ", les plus grands crocodiles sur terre, à l'affut d'une proie peu méfiante. Dans la jungle vivent de curieux oiseaux de paradis et des casoars - d'immenses oiseaux qui semblent tout droit sortis des temps préhistoriques. Vous feriez bien d'éviter leurs becs et leurs puissantes griffes, surtout lorsqu'ils ont leurs petits à charge !</t>
  </si>
  <si>
    <t>P0950386</t>
  </si>
  <si>
    <t>P0885654</t>
  </si>
  <si>
    <t>L'incroyable Dr Pol : Entreprise familiale</t>
  </si>
  <si>
    <t>One Big Hap-Pol Family</t>
  </si>
  <si>
    <t>Certaines familles confient leurs animaux aux bons soins du Dr Pol depuis des générations. La visite à la clinique est même devenue une tradition pour certains. Entre les fidèles clients et les employés de longue date, on s’y sent comme à la maison. Bienvenue dans notre grande famille !</t>
  </si>
  <si>
    <t>P0847671</t>
  </si>
  <si>
    <t>L'incroyable Dr Pol : Aïe aïe aïe !</t>
  </si>
  <si>
    <t>Whack-A-Pol</t>
  </si>
  <si>
    <t>Lors des soins administrés aux animaux malades ou blessés, le Dr Pol et son équipe doivent parfois se relever rapidement s’ils veulent s’épargner les foudres de leurs patients. Mais il leur arrive de ne pas être assez rapides... Dans cet épisode, nous reviendrons sur les pires raclées subies par les vétérinaires. Entre les coups de patte virulents décochés par les vaches et les morsures des limiers, ils devront s’armer de courage pour finir le travail.</t>
  </si>
  <si>
    <t>P0847673</t>
  </si>
  <si>
    <t>L'incroyable Dr Pol : Premiers secours</t>
  </si>
  <si>
    <t>First Res-Paw-Nders</t>
  </si>
  <si>
    <t>Un vétérinaire doit être prêt à tous les imprévus. Qu’il s’agisse de petit ou de gros pépin, les accidents des animaux font partie du lot quotidien. Entre des chiots fugueurs et une mise bas d’urgence, le  Dr Pol et son équipe sont de garde de jour comme de nuit. Dans cet épisode, nous reviendrons sur les urgences les plus haletantes qu’ont dû affronter les vétérinaires.</t>
  </si>
  <si>
    <t>P0847674</t>
  </si>
  <si>
    <t>L'incroyable Dr Pol : Petites bêtes</t>
  </si>
  <si>
    <t>Itty Bitty Pups &amp; Kitties</t>
  </si>
  <si>
    <t>Difficile de ne pas être attendri lorsque les bébés animaux débarquent à la clinique ! Heureusement, le Dr Pol et son équipe sont là pour sortir ces minuscules boules de poil des situations les plus délicates et pour leur assurer un bon départ dans la vie. Dans cet épisode, nous passerons en revue les patients les plus petits, les plus soyeux et les plus mignons que la clinique ait jamais vus. Des chiots aux chatons, en passant par les poulains et autres bébés animaux, les vétérinaires de la clinique savent s’y prendre avec ces petites bêtes.</t>
  </si>
  <si>
    <t>P0823990</t>
  </si>
  <si>
    <t>Les aventures du Dr. Buckeye Bottoms : Œil de lynx</t>
  </si>
  <si>
    <t>Adventures of Dr. Buckeye Bottoms</t>
  </si>
  <si>
    <t>X-Ray Vision</t>
  </si>
  <si>
    <t>En plus d’une vue de lynx, un vétérinaire mobile doit être équipé d’outils spécifiques qui l’aident à établir son diagnostic. Le Dr Buckeye se rend chez son ami, dont le chien est dans un état léthargique, avant de castrer un chat et de prodiguer des soins dentaires à un petit chien. Un appareil de radiographie lui permet d’obtenir des images de la patte d’un cheval boiteux ainsi que du pied d’un coq domestique qui semble ne pas vouloir guérir.</t>
  </si>
  <si>
    <t>P0823988</t>
  </si>
  <si>
    <t>Les aventures du Dr. Buckeye Bottoms : Joyeux anniversaire Kevin !</t>
  </si>
  <si>
    <t>Birthday Suit</t>
  </si>
  <si>
    <t>Le sixième anniversaire de Kevin approche à grands pas et notre vétérinaire aimerait lui organiser une journée spéciale. Dans un échange de bons procédés, il fait du troc avec un client afin de préparer un bain à son fidèle compagnon pour le grand jour. Mais avant de lancer les festivités, le Dr Buckeye a plusieurs cas urgents à traiter. Il se débat contre une chèvre grincheuse, trouve une façon peu commune de recoudre l’oreille en sang d’un chien et doit prendre une décision fatidique pour une vache affaiblie.</t>
  </si>
  <si>
    <t>P0851770</t>
  </si>
  <si>
    <t>Au coeur du zoo : Lamantin adoré</t>
  </si>
  <si>
    <t>Stand By Your Manatee</t>
  </si>
  <si>
    <t>Un monde nouveau s’ouvre pour les dernières recrues du zoo. D’adorables tigreaux explorent leur nouvel habitat, un bébé lamantin orphelin est secouru et l’arrivée d’un oryx mâle dans un groupe de femelles fait des étincelles. Pendant que le docteur Priya prélève le sang de Lance la girafe secouriste, Dan et son équipe s’affairent à recueillir un important échantillon d’urine de leur lamantin adoré Stubby et l’équipe de Suzi prend plaisir à nourrir les hyènes.</t>
  </si>
  <si>
    <t>La frontière de glace de l’Amérique</t>
  </si>
  <si>
    <t>Winter's Hidden Wonders</t>
  </si>
  <si>
    <t>America's Frozen Frontier</t>
  </si>
  <si>
    <t>Sur le continent américain, les rigueurs de l’hiver mettent les animaux à rude épreuve. Seuls les plus coriaces et les plus ingénieux d’entre eux réussiront à survivre.</t>
  </si>
  <si>
    <t>Les merveilles cachées de l'hiver : Les contrées glacées d’Asie</t>
  </si>
  <si>
    <t>Asia's Frozen Wilderness</t>
  </si>
  <si>
    <t>Sur le continent asiatique, les rigueurs de l’hiver mettent les espèces sauvages à rude épreuve. Seuls les animaux les plus résistants et les plus ingénieux survivent jusqu’à l’arrivée du printemps.</t>
  </si>
  <si>
    <t>Les merveilles cachées de l'hiver : Les contrées glacées d’Europe</t>
  </si>
  <si>
    <t>Europe's Ice World</t>
  </si>
  <si>
    <t>En Europe, les températures hivernales peuvent descendre jusqu’à -40 °C, exposant les espèces sauvages à des conditions extrêmes. Sur le continent, les animaux n’ont d’autre choix que de s’adapter, au risque d’y laisser la peau.</t>
  </si>
  <si>
    <t>P0879684</t>
  </si>
  <si>
    <t>Mission spéciale : Les animaux du grand froid</t>
  </si>
  <si>
    <t>Wild_life: The Big Freeze</t>
  </si>
  <si>
    <t>Le reporter animalier Bertie Gregory se rend aux confins de l’Arctique canadien, à la rencontre d’un groupe d’animaux résilients ayant réussi à tirer profit de cet environnement extrême. Tandis que le retour du gel se fait attendre, notre aventurier assiste à des scènes extraordinaires, notamment à un rendez-vous inédit entre des ours polaires et des loups. Afin de s’approcher des espèces sauvages du territoire, il brave les températures glaciales et en sera récompensé, puisqu’il pourra observer au plus près la première baignade d’un bébé phoque du Groenland.</t>
  </si>
  <si>
    <t>N0026820</t>
  </si>
  <si>
    <t>Snakes In The City : Le serpent fantôme</t>
  </si>
  <si>
    <t>Ghost Snake</t>
  </si>
  <si>
    <t xml:space="preserve">L'été à Durban, en Afrique du Sud, est célèbre pour son climat subtropical chaud, ses forêts côtières et ses plages ensoleillées, un endroit idéal pour des vacances. Enfin pas pour Simon Keys, le chasseur de serpent et Siouxsie Gillett, sa petite amie. Pour eux, c'est la folie !  Le téléphone n'en finit plus de sonner et ils sont submergés par les demandes pour venir débarrasser les habitants de serpents venimeux mortels. Avec le développement de la ville et la croissance de la population, les rencontres entre les habitants et ces invités indésirables sont de plus en plus fréquentes. </t>
  </si>
  <si>
    <t>P0870296</t>
  </si>
  <si>
    <t>Les aventures de Jack l'intrépide : Chasse aux géants</t>
  </si>
  <si>
    <t>Chasing Giants</t>
  </si>
  <si>
    <t>Les majestueuses tortues vertes sont-elles en train de s’adapter aux conditions critiques de la Grande Barrière de corail australienne pourtant à l’agonie ? C’est à cette question que tentera de répondre l’intrépide zoologue Jack Randall. Alors qu’il unit ses forces à celles de scientifiques dévoués, Jack se faufile entre les aigles-vachettes, effleure des requins-nourrices et se débat au milieu des dugongs.</t>
  </si>
  <si>
    <t>P0870288</t>
  </si>
  <si>
    <t>SOS Matt : Crocodiles dans la mare</t>
  </si>
  <si>
    <t>Monster Croc Wrangler S4</t>
  </si>
  <si>
    <t>Croc In The Hole</t>
  </si>
  <si>
    <t>Australia</t>
  </si>
  <si>
    <t>Direction le ranch « La Belle », situé à quelques heures au sud de Darwin, au cœur des paysages accidentés du Territoire du Nord, en Australie. John, le propriétaire, rencontre quelques problèmes : d’énormes crocodiles ont investi ses points d’eau. Un reptile gigantesque a même été aperçu descendant la rivière, une vache adulte dans la gueule. Pour la sécurité du bétail et du personnel, l’animal doit absolument être déplacé.</t>
  </si>
  <si>
    <t>14/01/2021</t>
  </si>
  <si>
    <t>N0022099</t>
  </si>
  <si>
    <t>Destination Wild : Australie : Au pays des wombats</t>
  </si>
  <si>
    <t>Realm of The Wombat</t>
  </si>
  <si>
    <t>Partez pour les plaines sèches du sud de l'Australie. Les wombats semblent passer ici le plus clair de leur temps à dormir, mais ce sont des experts de la survie, ils se reposent pour économiser de l'énergie pour combattre la chaleur. Leur vie est devenue plus difficile ces derniers temps en raison de l'invasion d'espèces exotiques, de plantes toxiques et de lapins tueurs.</t>
  </si>
  <si>
    <t>P0885655</t>
  </si>
  <si>
    <t>L'incroyable Dr Pol : Professeur Pol</t>
  </si>
  <si>
    <t>The Nutty Pol-Fessor</t>
  </si>
  <si>
    <t>Après des décennies d’expérience, Dr Pol s’y connaît en matière d’animaux. Qu’il prodigue aux clients des conseils pour prendre soin de leurs compagnons ou transmette aux vétérinaires débutants les secrets de son succès, Dr Pol prend plaisir à partager les compétences qu’il a acquises au fil des années. Prenez place dans la classe, le docteur se transforme en professeur !</t>
  </si>
  <si>
    <t>N0012169</t>
  </si>
  <si>
    <t>Les cowboys des marais : Bourdon chez les abeilles</t>
  </si>
  <si>
    <t>Bee Bomb</t>
  </si>
  <si>
    <t>Basés dans les Everglades en Floride, les "Gator Guys" (Hommes crocodiles) repartent pour notre plus grand plaisir dans une deuxième saison. Leur mission : écarter le moindre risque d'accident entre visiteurs et animaux sauvages, dans le parc animalier le plus sauvage d'Amérique du nord. Crocodiles, serpents et bien d'autres prédateurs dangereux rythment leur trépident quotidien. Leur joie de vivre et l'amitié qu'ils ont nouée au fil des mois donnent à cette série une atmosphère toute particulière et met l'accent sur la complicité grandissante avec les espèces sauvages qui les entourent.</t>
  </si>
  <si>
    <t>N0012168</t>
  </si>
  <si>
    <t>Les cowboys des marais : Opération crocos</t>
  </si>
  <si>
    <t>Croc Swap</t>
  </si>
  <si>
    <t>N0012166</t>
  </si>
  <si>
    <t>Les cowboys des marais : Evasion chez les alligators</t>
  </si>
  <si>
    <t>Gator Breakout</t>
  </si>
  <si>
    <t>N0026727</t>
  </si>
  <si>
    <t>Snakes In The City : Panique en ville</t>
  </si>
  <si>
    <t>Panic In The Streets</t>
  </si>
  <si>
    <t xml:space="preserve">Dans cet épisode de Snake City, Simon et Siouxsie sont réveillés par l'appel d'une communauté paniquée par un très gros serpent visitant leur village et dévorant leur bétail. Un seul serpent est capable de s'attaquer à des grands mammifères, il s'agit du Python de Seba. Simon et Siouxsie sont nerveux. Un serpent de cette taille, capable de tuer un petit enfant, est une menace considérable pour une communauté. Simon a peur que les habitants effrayés du village ne tentent de prendre les choses en main et d'attraper le serpent, ou pire encore, qu'ils le tuent. Ils savent donc qu'ils doivent se préparer à toutes les issues possibles. Ce que Simon et Siouxsie ne savent pas, c'est que cette mission va s'avérer être l'une des expériences les plus étranges et les plus inhabituelles jamais rencontrées car le serpent n'est pas la seule chose qui les attend. </t>
  </si>
  <si>
    <t>N0026821</t>
  </si>
  <si>
    <t>Snakes In The City : Un train et un serpent</t>
  </si>
  <si>
    <t>Snakes On A Train</t>
  </si>
  <si>
    <t xml:space="preserve">Le premier appel survient une heure avant le lever du jour et il s'agit de l'appel le plus insolite qu'ils aient reçu jusqu'à présent : des serpents ont été repérés...dans un train ! Armés de longues pinces et de lampes de poche, Simon et Siouxsie longent le train dans le noir. Il pourrait tout aussi bien s'agir d'un inoffensif serpent domestique que d'un cobra cacheur en pleine chasse nocturne, ou même d'un mamba noir qui aurait été dérangé. Le premier souci de Simon est de protéger la sécurité du serpent, que le conducteur a vu disparaître au niveau du châssis. Simon pense à haute voix : " Il y a beaucoup de pièces qui bougent là-dessous et le serpent pourrait être blessé ou même coupé en deux par les roues. Nous n'avons pas beaucoup de temps pour le trouver. " C'est une course contre la montre car le train part récupérer 200 passagers à la gare suivante. </t>
  </si>
  <si>
    <t>P0851772</t>
  </si>
  <si>
    <t>Au coeur du zoo : Romance entre kangourous</t>
  </si>
  <si>
    <t>Kangaroo-Mance</t>
  </si>
  <si>
    <t>L’accouchement de Zuri le phacochère ne se passe pas comme prévu et les vétérinaires du zoo accourent afin de sauver la vie de son petit. Baby la couleuvre obscure ne mange plus et développe une protubérance inquiétante. Avant que le jeune kangourou Fergus rejoigne la foule, l’équipe du zoo joue aux entremetteurs et tente d’établir un lien sentimental entre Fergus et une femelle du nom de Beatrice. Mac, plus vieux gorille dos argenté du zoo, fête ses 34 ans et le personnel lui organise une incroyable fête d’anniversaire pour l’occasion.</t>
  </si>
  <si>
    <t>P0873171</t>
  </si>
  <si>
    <t>L'incroyable Dr Pol : Coup de froid</t>
  </si>
  <si>
    <t>Love At Frost Sight</t>
  </si>
  <si>
    <t>Cette semaine, un blizzard s’abat sur le centre du Michigan. Qu’il vente ou qu’il neige, rien n’empêchera l’équipe de porter secours aux animaux en détresse. Dr Brenda s’occupe de Gizmo, un spitz nain qui a manqué une marche durant sa leçon de danse. De son côté, Dr Pol bichonne un inséparable rosegorge. Dr Nicole, quant à elle, brave le froid de l’hiver pour se rendre dans une ferme amish où un cheval effrayé par un chasse-neige a chuté et perforé sa cage thoracique. Les vétérinaires s’emmitouflent et retroussent leurs manches afin de gérer crises canines, fausses alertes et même la disparition d’un chaton.</t>
  </si>
  <si>
    <t>P0873098</t>
  </si>
  <si>
    <t>L'incroyable Dr Pol : Dans de beaux draps</t>
  </si>
  <si>
    <t>Frankly My Deer...</t>
  </si>
  <si>
    <t>Cette semaine, les patients du Dr Pol semblent s’être donné le mot et se sont mis dans de beaux draps. Empêtrée dans une clôture en barbelés, une chèvre Boer souffre d’une déchirure à la patte qui engage son pronostic vital. Un braque de Weimar se trouve dans une situation pour le moins délicate. Mais toutes les blessures ne sont pas volontaires… Un daim malchanceux croise le chemin d’une fléchette et un lapin géant des Flandres voit ses oreilles prises d’assaut par des mites. Pas de panique, les vétérinaires de la clinique accourent à la rescousse !</t>
  </si>
  <si>
    <t>P0873097</t>
  </si>
  <si>
    <t>L'incroyable Dr Pol : Charlie, le cheval miniature</t>
  </si>
  <si>
    <t>Dr. Pol's Super Bowl</t>
  </si>
  <si>
    <t>Dr Pol a beau voir défiler des milliers de patients chaque année, seul Charlie le minuscule poney a réussi à conquérir son cœur ! Dans cet épisode, nous reviendrons sur le lien unique qu’ont tissé le vétérinaire et le petit cheval au fil des années. Ce dernier rend visite aux résidents d’une maison de retraite locale avant de disputer une compétition au Remus Bowling Center afin de lever des fonds destinés aux anciens combattants.</t>
  </si>
  <si>
    <t>P0873169</t>
  </si>
  <si>
    <t>L'incroyable Dr Pol : Tempête de neige</t>
  </si>
  <si>
    <t>License To Chill</t>
  </si>
  <si>
    <t>Si l’hiver touche à sa fin, il n’a pas dit son dernier mot. Cette semaine, les températures glaciales et les fortes rafales de neige entravent le travail des vétérinaires de la clinique. Dr Pol se passionne pour un dogue allemand blessé à la queue et Dr Brenda zigzague entre de dangereuses stalactites afin d’examiner un lama. De leur côté, Dr Emily et Dr Nicole redoublent d’efforts pour sauver une vache hargneuse qui souffre d’un prolapsus. Entre les appels des fermes, les routes verglaçantes et les douleurs hivernales, l’équipe en voit de toutes les couleurs.</t>
  </si>
  <si>
    <t>00:46</t>
  </si>
  <si>
    <t>P0870289</t>
  </si>
  <si>
    <t>SOS Matt : Les crocodiles sont de sortie</t>
  </si>
  <si>
    <t>Croc Out of Water</t>
  </si>
  <si>
    <t>Dans le Territoire du Nord, en Australie, la saison des sécheresses bat son plein. Les incendies embrasent la terre, les rivières coulent en filet et les points d’eau se réduisent comme peau de chagrin. Face à l’aridité croissante, les crocodiles marins se rassemblent dans des espaces de plus en plus petits et luttent pour conserver leur territoire. Ces mêmes points d’eau attirent également le bétail assoiffé, et la catastrophe n’est jamais bien loin… Au prix d’environ 1 000 dollars par animal, les bestiaux sont bien trop précieux pour être laissés aux reptiles. Matt et son équipe doivent éloigner les crocodiles des sources d’eau, avant que les agriculteurs ne soient contraints d’employer la manière forte.</t>
  </si>
  <si>
    <t>15/01/2021</t>
  </si>
  <si>
    <t>N0023495</t>
  </si>
  <si>
    <t>SOS Cesar : Tasi la terreur</t>
  </si>
  <si>
    <t>Cesar to the Rescue</t>
  </si>
  <si>
    <t>Tasi The Terrible</t>
  </si>
  <si>
    <t xml:space="preserve">Retrouvez Cesar qui répond aux appels de détresse de propriétaires d'animaux ou de voisins excédés. C'est tout d'abord le maire de Westlake Village qui fait appel à Cesar car un berger allemand noir répondant au nom de Tasi terrorise son quartier. L'animal les a déjà attaqués lui et sa fille. Si Cesar ne parvient pas à améliorer la situation, c'est le contrôle animal qui se chargera de cette affaire. Cesar rencontre ensuite Kendra, une jeune serveuse qui ne sait plus quoi faire avec Ebbie Lou, un minuscule schnauzer qui aboie à longueur de journée. Cesar pourra-t-il améliorer le comportement de ces animaux ? </t>
  </si>
  <si>
    <t>N0023623</t>
  </si>
  <si>
    <t>SOS Cesar : A l'aide!</t>
  </si>
  <si>
    <t>S.O.S.!</t>
  </si>
  <si>
    <t xml:space="preserve">Grace tire la sonnette d'alarme : Toby, le fox terrier de sa voisine, trouble toute la vie du quartier par ses aboiements et son agressivité. Impossible pour la famille de se débarrasser du chien. Leur fils, Tristan, est atteint du syndrome d'Asperger et le départ du chien pourrait le stresser. L'intervention de Cesar est donc capitale. Et il en sera de même pour John et Alexis dont le bouvier australien ne supporte pas la présence d'autres chiens. Cesar parviendra-t-il à ramener la tranquillité ? </t>
  </si>
  <si>
    <t>N0023624</t>
  </si>
  <si>
    <t>SOS Cesar : Deux fois coupable</t>
  </si>
  <si>
    <t>Twice Bitten</t>
  </si>
  <si>
    <t>A peine arrivés, Stella et ses maîtres se sont déjà fait une mauvaise réputation dans le quartier ! Tout le monde se plaint des aboiements et de l'hostilité de ce braque de Weimar. Il y a quelques mois, Stella a attaqué Pilou, le chien d'un voisin, puis sa maîtresse Tina. Cette dernière a accepté de ne pas porter plainte et a décidé d'appeler Cesar à la rescousse à la place. Alors que les entraînements semblent porter leurs fruits, Stella attaque de nouveau Tina. Que va-t-il advenir de ce chien ?</t>
  </si>
  <si>
    <t>P0885656</t>
  </si>
  <si>
    <t>L'incroyable Dr Pol : L’union fait la force</t>
  </si>
  <si>
    <t>There's No Pol In Team</t>
  </si>
  <si>
    <t>Deux cerveaux valent mieux qu’un ! En cas d’affluence à la clinique, un vétérinaire de plus est toujours le bienvenu. Que ce soit comme deuxième paire de mains, pour échanger des idées ou résoudre des cas épineux, l’équipe du Dr Pol travaille mieux en unissant ses forces.</t>
  </si>
  <si>
    <t>N0021201</t>
  </si>
  <si>
    <t>Les rois lions</t>
  </si>
  <si>
    <t>Game of Lions</t>
  </si>
  <si>
    <t>Game of Lions, 1</t>
  </si>
  <si>
    <t>Botswana</t>
  </si>
  <si>
    <t xml:space="preserve">Selon Dereck Joubert, il reste 32 000 lions sur Terre. Seulement 3500 d'entre eux sont des mâles. Bien qu'ils naissent selon un ratio égal entre mâles et femelles, seulement un lion mâle sur huit atteint l'âge adulte. De la naissance jusqu'à l'exil de la troupe, nous suivons les lions dans leur errance à travers la jungle pour étendre leur lignée à travers le royaume. Les Joubert posent ici un regard sans faille sur la vie de ces lions dans un film vif et émouvant, narré par Gérard Darmon. </t>
  </si>
  <si>
    <t>N0013639</t>
  </si>
  <si>
    <t>Les derniers lions</t>
  </si>
  <si>
    <t>The Last Lions</t>
  </si>
  <si>
    <t>01:25</t>
  </si>
  <si>
    <t xml:space="preserve">Les écrivains, cinéastes et photographes animaliers Dereck et Beverly Joubert ont suivi le long périple d'une lionne et de ses petits. Sans mâle pour garantir leur protection, leurs survies semblent vouées à l'échec. Ma di Tau (" la mère des lionnes ") est prête à tout pour sauver ses lionceaux des assauts ennemis. L'instinct maternel sera-t-il suffisamment puissant pour contrer les nombreuses menaces qui les guettent ? Dans le règne animal, le nombre est souvent synonyme de force, mais pour nos protégés, c'est une toute autre histoire...  Suivez leur voyage épique au coeur de paysages somptueux et émerveillez-vous devant la volonté de fer de Ma di Tau pour sauver sa lignée. </t>
  </si>
  <si>
    <t>15:25:00:00</t>
  </si>
  <si>
    <t>N0018014</t>
  </si>
  <si>
    <t>Ma vie de léopard</t>
  </si>
  <si>
    <t>The Unlikely Leopard</t>
  </si>
  <si>
    <t>Ce très beau film produit par les Joubert, célèbres réalisateurs animaliers, raconte l'histoire d'un bébé léopard, Dikeledi, et son voyage vers la vie adulte. Grace à une perspective drôle et touchante,  le public ne peut que s'attacher à cet animal qui acquiert vite sa propre personnalité. Adolescent, Dikeledi ne promet  pas de devenir un prédateur très performant : monter aux arbres n'est pas son fort, garder une proie lui est impossible et il a tendance à rester dans les jupes de sa mère ! En effet, l'agilité et la force dont un léopard fait preuve sont une question d'entraînement et sans sa mère, le petit n'a aucune chance de survie. Elle devra tout lui apprendre, de sauter d'arbre en arbre à chasser sournoisement en plein coeur de la savane. Ce documentaire nous montre les épreuves traversées par le léopardeau avant de devenir adulte, afin de vivre dans le monde sauvage en fonction de ses instincts.</t>
  </si>
  <si>
    <t>P0824006</t>
  </si>
  <si>
    <t>Costa Rica, territoire du jaguar</t>
  </si>
  <si>
    <t>Jaguar Beach Battle</t>
  </si>
  <si>
    <t>Jaguar Beach Battle, 1</t>
  </si>
  <si>
    <t>Au Costa Rica, une plage tord le cou aux idées reçues sur les félins. Le jaguar, plus grand chat d’Amérique, y traque une proie inhabituelle : la tortue marine. Filipe DeAndrade, explorateur spécialiste des espèces sauvages, part à l’autre bout du monde afin de rendre compte d’une relation prédateur-proie à l’œuvre depuis des millénaires et jusqu’ici inconnue. Filipe souhaite découvrir les secrets de cet écosystème sauvage car cette plage pourrait bien détenir la solution à la protection des félins d’Amérique. Mais les surprises ne s’arrêtent pas là : outre les jaguars qui dévorent des tortues marines, d’autres chats sauvages profitent du dur labeur des gigantesques félins.</t>
  </si>
  <si>
    <t>P0851773</t>
  </si>
  <si>
    <t>Au coeur du zoo : La belle et la bête</t>
  </si>
  <si>
    <t>Beauties And The Beasts</t>
  </si>
  <si>
    <t>Alors qu’un programme de reproduction des guépards entre en vigueur, la fièvre des bébés se propage au sein du zoo. Jack Hanna fait visiter à ses petits-enfants les coulisses du zoo et délivre un discours devant une foule de visiteurs. Les résidents polaires du zoo reçoivent une friandise glacée.</t>
  </si>
  <si>
    <t>P0783112</t>
  </si>
  <si>
    <t>Urgences Animales : Une semaine éléphantesque</t>
  </si>
  <si>
    <t>The Elephant In The Room</t>
  </si>
  <si>
    <t>Cette semaine dans la clinique Gulf Coast, les meilleurs vétérinaires du Texas traitent un éléphant d’Asie atteint d’un cancer de la poitrine, un schnauzer géant souffrant d’une fracture chronique de la hanche, un croisé spitz nain atteint d’une infection, un python réticulé borgne qui a la tête enflée et Reed, le lévrier whippet du Dr Hottinger, qui présente un nodule potentiellement cancéreux.</t>
  </si>
  <si>
    <t>P0870293</t>
  </si>
  <si>
    <t>SOS Matt : Piège à touriste</t>
  </si>
  <si>
    <t>Tourist Trap</t>
  </si>
  <si>
    <t>Chaque année, près de deux millions de touristes se rendent dans la région du Territoire du Nord, en Australie. Sous l’effet de la chaleur, l’envie de se baigner est grande, et bien que les gardes forestiers nettoient la plupart des points d’eau les plus populaires, ils ne peuvent être partout. Alors que Matt et son équipe interviennent dans un ranch reculé, ils aperçoivent des randonneurs qui ont installé leur campement sur les berges de la rivière où ils capturent d’énormes crocodiles. Sur leurs recommandations, les voyageurs lèvent le cam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2">
    <fill>
      <patternFill patternType="none"/>
    </fill>
    <fill>
      <patternFill patternType="gray125"/>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7">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1"/>
  <sheetViews>
    <sheetView showGridLines="0" tabSelected="1" workbookViewId="0">
      <selection activeCell="C216" sqref="C216"/>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c r="D3" s="2" t="s">
        <v>15</v>
      </c>
      <c r="E3" s="2" t="s">
        <v>16</v>
      </c>
      <c r="F3" s="2" t="s">
        <v>17</v>
      </c>
      <c r="G3" s="3">
        <v>7</v>
      </c>
      <c r="H3" s="2" t="s">
        <v>18</v>
      </c>
      <c r="I3" s="3">
        <v>2020</v>
      </c>
      <c r="J3" s="2" t="s">
        <v>19</v>
      </c>
      <c r="K3" s="2"/>
      <c r="L3" s="2" t="s">
        <v>20</v>
      </c>
    </row>
    <row r="4" spans="1:12" ht="15.2" customHeight="1">
      <c r="A4" s="2" t="s">
        <v>13</v>
      </c>
      <c r="B4" s="2" t="s">
        <v>21</v>
      </c>
      <c r="C4" s="2"/>
      <c r="D4" s="2" t="s">
        <v>22</v>
      </c>
      <c r="E4" s="2" t="s">
        <v>16</v>
      </c>
      <c r="F4" s="2" t="s">
        <v>23</v>
      </c>
      <c r="G4" s="3">
        <v>8</v>
      </c>
      <c r="H4" s="2" t="s">
        <v>18</v>
      </c>
      <c r="I4" s="3">
        <v>2020</v>
      </c>
      <c r="J4" s="2" t="s">
        <v>19</v>
      </c>
      <c r="K4" s="2"/>
      <c r="L4" s="2" t="s">
        <v>24</v>
      </c>
    </row>
    <row r="5" spans="1:12" ht="15.2" customHeight="1">
      <c r="A5" s="2" t="s">
        <v>13</v>
      </c>
      <c r="B5" s="2" t="s">
        <v>25</v>
      </c>
      <c r="C5" s="2" t="s">
        <v>26</v>
      </c>
      <c r="D5" s="2" t="s">
        <v>27</v>
      </c>
      <c r="E5" s="2" t="s">
        <v>28</v>
      </c>
      <c r="F5" s="2" t="s">
        <v>29</v>
      </c>
      <c r="G5" s="3">
        <v>4</v>
      </c>
      <c r="H5" s="2" t="s">
        <v>18</v>
      </c>
      <c r="I5" s="3">
        <v>2012</v>
      </c>
      <c r="J5" s="2" t="s">
        <v>30</v>
      </c>
      <c r="K5" s="2"/>
      <c r="L5" s="2" t="s">
        <v>31</v>
      </c>
    </row>
    <row r="6" spans="1:12" ht="15.2" customHeight="1">
      <c r="A6" s="2" t="s">
        <v>13</v>
      </c>
      <c r="B6" s="2" t="s">
        <v>32</v>
      </c>
      <c r="C6" s="2" t="s">
        <v>33</v>
      </c>
      <c r="D6" s="2" t="s">
        <v>34</v>
      </c>
      <c r="E6" s="2" t="s">
        <v>28</v>
      </c>
      <c r="F6" s="2" t="s">
        <v>35</v>
      </c>
      <c r="G6" s="3">
        <v>5</v>
      </c>
      <c r="H6" s="2" t="s">
        <v>18</v>
      </c>
      <c r="I6" s="3">
        <v>2012</v>
      </c>
      <c r="J6" s="2" t="s">
        <v>30</v>
      </c>
      <c r="K6" s="2"/>
      <c r="L6" s="2" t="s">
        <v>36</v>
      </c>
    </row>
    <row r="7" spans="1:12" ht="15.2" customHeight="1">
      <c r="A7" s="2" t="s">
        <v>13</v>
      </c>
      <c r="B7" s="2" t="s">
        <v>37</v>
      </c>
      <c r="C7" s="2" t="s">
        <v>38</v>
      </c>
      <c r="D7" s="2" t="s">
        <v>39</v>
      </c>
      <c r="E7" s="2" t="s">
        <v>28</v>
      </c>
      <c r="F7" s="2" t="s">
        <v>40</v>
      </c>
      <c r="G7" s="3">
        <v>6</v>
      </c>
      <c r="H7" s="2" t="s">
        <v>18</v>
      </c>
      <c r="I7" s="3">
        <v>2012</v>
      </c>
      <c r="J7" s="2" t="s">
        <v>30</v>
      </c>
      <c r="K7" s="2"/>
      <c r="L7" s="2" t="s">
        <v>41</v>
      </c>
    </row>
    <row r="8" spans="1:12" ht="15.2" customHeight="1">
      <c r="A8" s="2" t="s">
        <v>13</v>
      </c>
      <c r="B8" s="2" t="s">
        <v>42</v>
      </c>
      <c r="C8" s="2" t="s">
        <v>43</v>
      </c>
      <c r="D8" s="2" t="s">
        <v>44</v>
      </c>
      <c r="E8" s="2" t="s">
        <v>45</v>
      </c>
      <c r="F8" s="2" t="s">
        <v>46</v>
      </c>
      <c r="G8" s="3">
        <v>4</v>
      </c>
      <c r="H8" s="2" t="s">
        <v>18</v>
      </c>
      <c r="I8" s="3">
        <v>2016</v>
      </c>
      <c r="J8" s="2" t="s">
        <v>47</v>
      </c>
      <c r="K8" s="2"/>
      <c r="L8" s="2" t="s">
        <v>48</v>
      </c>
    </row>
    <row r="9" spans="1:12" ht="15.2" customHeight="1">
      <c r="A9" s="2" t="s">
        <v>13</v>
      </c>
      <c r="B9" s="2" t="s">
        <v>49</v>
      </c>
      <c r="C9" s="2" t="s">
        <v>50</v>
      </c>
      <c r="D9" s="2" t="s">
        <v>51</v>
      </c>
      <c r="E9" s="2" t="s">
        <v>52</v>
      </c>
      <c r="F9" s="2" t="s">
        <v>53</v>
      </c>
      <c r="G9" s="3">
        <v>1</v>
      </c>
      <c r="H9" s="2" t="s">
        <v>18</v>
      </c>
      <c r="I9" s="3">
        <v>2008</v>
      </c>
      <c r="J9" s="2" t="s">
        <v>19</v>
      </c>
      <c r="K9" s="2"/>
      <c r="L9" s="2" t="s">
        <v>54</v>
      </c>
    </row>
    <row r="10" spans="1:12" ht="15.2" customHeight="1">
      <c r="A10" s="2" t="s">
        <v>13</v>
      </c>
      <c r="B10" s="2" t="s">
        <v>55</v>
      </c>
      <c r="C10" s="2" t="s">
        <v>56</v>
      </c>
      <c r="D10" s="2" t="s">
        <v>57</v>
      </c>
      <c r="E10" s="2" t="s">
        <v>58</v>
      </c>
      <c r="F10" s="2" t="s">
        <v>59</v>
      </c>
      <c r="G10" s="3">
        <v>1</v>
      </c>
      <c r="H10" s="2" t="s">
        <v>60</v>
      </c>
      <c r="I10" s="3">
        <v>2014</v>
      </c>
      <c r="J10" s="2" t="s">
        <v>19</v>
      </c>
      <c r="K10" s="2"/>
      <c r="L10" s="2" t="s">
        <v>61</v>
      </c>
    </row>
    <row r="11" spans="1:12" ht="15.2" customHeight="1">
      <c r="A11" s="2" t="s">
        <v>13</v>
      </c>
      <c r="B11" s="2" t="s">
        <v>62</v>
      </c>
      <c r="C11" s="2" t="s">
        <v>63</v>
      </c>
      <c r="D11" s="2" t="s">
        <v>64</v>
      </c>
      <c r="E11" s="2" t="s">
        <v>58</v>
      </c>
      <c r="F11" s="2" t="s">
        <v>65</v>
      </c>
      <c r="G11" s="3">
        <v>2</v>
      </c>
      <c r="H11" s="2" t="s">
        <v>60</v>
      </c>
      <c r="I11" s="3">
        <v>2014</v>
      </c>
      <c r="J11" s="2" t="s">
        <v>19</v>
      </c>
      <c r="K11" s="2"/>
      <c r="L11" s="2" t="s">
        <v>66</v>
      </c>
    </row>
    <row r="12" spans="1:12" ht="15.2" customHeight="1">
      <c r="A12" s="2" t="s">
        <v>13</v>
      </c>
      <c r="B12" s="2" t="s">
        <v>67</v>
      </c>
      <c r="C12" s="2" t="s">
        <v>68</v>
      </c>
      <c r="D12" s="2" t="s">
        <v>69</v>
      </c>
      <c r="E12" s="2" t="s">
        <v>58</v>
      </c>
      <c r="F12" s="2" t="s">
        <v>70</v>
      </c>
      <c r="G12" s="3">
        <v>3</v>
      </c>
      <c r="H12" s="2" t="s">
        <v>60</v>
      </c>
      <c r="I12" s="3">
        <v>2014</v>
      </c>
      <c r="J12" s="2" t="s">
        <v>19</v>
      </c>
      <c r="K12" s="2"/>
      <c r="L12" s="2" t="s">
        <v>71</v>
      </c>
    </row>
    <row r="13" spans="1:12" ht="15.2" customHeight="1">
      <c r="A13" s="2" t="s">
        <v>13</v>
      </c>
      <c r="B13" s="2" t="s">
        <v>72</v>
      </c>
      <c r="C13" s="2" t="s">
        <v>73</v>
      </c>
      <c r="D13" s="2" t="s">
        <v>74</v>
      </c>
      <c r="E13" s="2" t="s">
        <v>75</v>
      </c>
      <c r="F13" s="2" t="s">
        <v>76</v>
      </c>
      <c r="G13" s="3">
        <v>1</v>
      </c>
      <c r="H13" s="2" t="s">
        <v>77</v>
      </c>
      <c r="I13" s="3">
        <v>2014</v>
      </c>
      <c r="J13" s="2" t="s">
        <v>19</v>
      </c>
      <c r="K13" s="2"/>
      <c r="L13" s="2" t="s">
        <v>78</v>
      </c>
    </row>
    <row r="14" spans="1:12" ht="15.2" customHeight="1">
      <c r="A14" s="2" t="s">
        <v>13</v>
      </c>
      <c r="B14" s="2" t="s">
        <v>79</v>
      </c>
      <c r="C14" s="2" t="s">
        <v>80</v>
      </c>
      <c r="D14" s="2" t="s">
        <v>81</v>
      </c>
      <c r="E14" s="2" t="s">
        <v>82</v>
      </c>
      <c r="F14" s="2" t="s">
        <v>83</v>
      </c>
      <c r="G14" s="3">
        <v>1</v>
      </c>
      <c r="H14" s="2" t="s">
        <v>18</v>
      </c>
      <c r="I14" s="3">
        <v>2018</v>
      </c>
      <c r="J14" s="2" t="s">
        <v>19</v>
      </c>
      <c r="K14" s="2"/>
      <c r="L14" s="2" t="s">
        <v>84</v>
      </c>
    </row>
    <row r="15" spans="1:12" ht="15.2" customHeight="1">
      <c r="A15" s="2" t="s">
        <v>13</v>
      </c>
      <c r="B15" s="2" t="s">
        <v>85</v>
      </c>
      <c r="C15" s="2" t="s">
        <v>86</v>
      </c>
      <c r="D15" s="2" t="s">
        <v>87</v>
      </c>
      <c r="E15" s="2" t="s">
        <v>87</v>
      </c>
      <c r="F15" s="2" t="s">
        <v>87</v>
      </c>
      <c r="G15" s="3">
        <v>1</v>
      </c>
      <c r="H15" s="2" t="s">
        <v>60</v>
      </c>
      <c r="I15" s="3">
        <v>2016</v>
      </c>
      <c r="J15" s="2" t="s">
        <v>88</v>
      </c>
      <c r="K15" s="2"/>
      <c r="L15" s="2" t="s">
        <v>89</v>
      </c>
    </row>
    <row r="16" spans="1:12" ht="15.2" customHeight="1">
      <c r="A16" s="2" t="s">
        <v>13</v>
      </c>
      <c r="B16" s="2" t="s">
        <v>90</v>
      </c>
      <c r="C16" s="2" t="s">
        <v>91</v>
      </c>
      <c r="D16" s="2" t="s">
        <v>92</v>
      </c>
      <c r="E16" s="2" t="s">
        <v>93</v>
      </c>
      <c r="F16" s="2" t="s">
        <v>94</v>
      </c>
      <c r="G16" s="3">
        <v>1</v>
      </c>
      <c r="H16" s="2" t="s">
        <v>95</v>
      </c>
      <c r="I16" s="3">
        <v>2019</v>
      </c>
      <c r="J16" s="2" t="s">
        <v>19</v>
      </c>
      <c r="K16" s="2"/>
      <c r="L16" s="2" t="s">
        <v>96</v>
      </c>
    </row>
    <row r="17" spans="1:12" ht="15.2" customHeight="1">
      <c r="A17" s="2" t="s">
        <v>13</v>
      </c>
      <c r="B17" s="2" t="s">
        <v>97</v>
      </c>
      <c r="C17" s="2" t="s">
        <v>98</v>
      </c>
      <c r="D17" s="2" t="s">
        <v>99</v>
      </c>
      <c r="E17" s="2" t="s">
        <v>93</v>
      </c>
      <c r="F17" s="2" t="s">
        <v>100</v>
      </c>
      <c r="G17" s="3">
        <v>2</v>
      </c>
      <c r="H17" s="2" t="s">
        <v>95</v>
      </c>
      <c r="I17" s="3">
        <v>2019</v>
      </c>
      <c r="J17" s="2" t="s">
        <v>19</v>
      </c>
      <c r="K17" s="2"/>
      <c r="L17" s="2" t="s">
        <v>101</v>
      </c>
    </row>
    <row r="18" spans="1:12" ht="15.2" customHeight="1">
      <c r="A18" s="2" t="s">
        <v>13</v>
      </c>
      <c r="B18" s="2" t="s">
        <v>102</v>
      </c>
      <c r="C18" s="2" t="s">
        <v>103</v>
      </c>
      <c r="D18" s="2" t="s">
        <v>104</v>
      </c>
      <c r="E18" s="2" t="s">
        <v>93</v>
      </c>
      <c r="F18" s="2" t="s">
        <v>105</v>
      </c>
      <c r="G18" s="3">
        <v>3</v>
      </c>
      <c r="H18" s="2" t="s">
        <v>95</v>
      </c>
      <c r="I18" s="3">
        <v>2019</v>
      </c>
      <c r="J18" s="2" t="s">
        <v>19</v>
      </c>
      <c r="K18" s="2"/>
      <c r="L18" s="2" t="s">
        <v>106</v>
      </c>
    </row>
    <row r="19" spans="1:12" ht="15.2" customHeight="1">
      <c r="A19" s="2" t="s">
        <v>13</v>
      </c>
      <c r="B19" s="2" t="s">
        <v>107</v>
      </c>
      <c r="C19" s="2" t="s">
        <v>108</v>
      </c>
      <c r="D19" s="2" t="s">
        <v>109</v>
      </c>
      <c r="E19" s="2" t="s">
        <v>93</v>
      </c>
      <c r="F19" s="2" t="s">
        <v>110</v>
      </c>
      <c r="G19" s="3">
        <v>4</v>
      </c>
      <c r="H19" s="2" t="s">
        <v>95</v>
      </c>
      <c r="I19" s="3">
        <v>2019</v>
      </c>
      <c r="J19" s="2" t="s">
        <v>19</v>
      </c>
      <c r="K19" s="2"/>
      <c r="L19" s="2" t="s">
        <v>111</v>
      </c>
    </row>
    <row r="20" spans="1:12" ht="15.2" customHeight="1">
      <c r="A20" s="2" t="s">
        <v>13</v>
      </c>
      <c r="B20" s="2" t="s">
        <v>112</v>
      </c>
      <c r="C20" s="2"/>
      <c r="D20" s="2" t="s">
        <v>113</v>
      </c>
      <c r="E20" s="2" t="s">
        <v>114</v>
      </c>
      <c r="F20" s="2" t="s">
        <v>115</v>
      </c>
      <c r="G20" s="3">
        <v>1</v>
      </c>
      <c r="H20" s="2" t="s">
        <v>77</v>
      </c>
      <c r="I20" s="3">
        <v>2019</v>
      </c>
      <c r="J20" s="2" t="s">
        <v>19</v>
      </c>
      <c r="K20" s="2"/>
      <c r="L20" s="2" t="s">
        <v>116</v>
      </c>
    </row>
    <row r="21" spans="1:12" ht="15.2" customHeight="1">
      <c r="A21" s="2" t="s">
        <v>13</v>
      </c>
      <c r="B21" s="2" t="s">
        <v>117</v>
      </c>
      <c r="C21" s="2"/>
      <c r="D21" s="2" t="s">
        <v>118</v>
      </c>
      <c r="E21" s="2" t="s">
        <v>114</v>
      </c>
      <c r="F21" s="2" t="s">
        <v>119</v>
      </c>
      <c r="G21" s="3">
        <v>2</v>
      </c>
      <c r="H21" s="2" t="s">
        <v>77</v>
      </c>
      <c r="I21" s="3">
        <v>2019</v>
      </c>
      <c r="J21" s="2" t="s">
        <v>19</v>
      </c>
      <c r="K21" s="2"/>
      <c r="L21" s="2" t="s">
        <v>120</v>
      </c>
    </row>
    <row r="22" spans="1:12" ht="15.2" customHeight="1">
      <c r="A22" s="2" t="s">
        <v>13</v>
      </c>
      <c r="B22" s="2" t="s">
        <v>121</v>
      </c>
      <c r="C22" s="2"/>
      <c r="D22" s="2" t="s">
        <v>122</v>
      </c>
      <c r="E22" s="2" t="s">
        <v>123</v>
      </c>
      <c r="F22" s="2" t="s">
        <v>124</v>
      </c>
      <c r="G22" s="3">
        <v>5</v>
      </c>
      <c r="H22" s="2" t="s">
        <v>60</v>
      </c>
      <c r="I22" s="3">
        <v>2020</v>
      </c>
      <c r="J22" s="2" t="s">
        <v>19</v>
      </c>
      <c r="K22" s="2"/>
      <c r="L22" s="2" t="s">
        <v>125</v>
      </c>
    </row>
    <row r="23" spans="1:12" ht="15.2" customHeight="1">
      <c r="A23" s="2" t="s">
        <v>13</v>
      </c>
      <c r="B23" s="2" t="s">
        <v>126</v>
      </c>
      <c r="C23" s="2"/>
      <c r="D23" s="2" t="s">
        <v>127</v>
      </c>
      <c r="E23" s="2" t="s">
        <v>123</v>
      </c>
      <c r="F23" s="2" t="s">
        <v>128</v>
      </c>
      <c r="G23" s="3">
        <v>6</v>
      </c>
      <c r="H23" s="2" t="s">
        <v>60</v>
      </c>
      <c r="I23" s="3">
        <v>2020</v>
      </c>
      <c r="J23" s="2" t="s">
        <v>19</v>
      </c>
      <c r="K23" s="2"/>
      <c r="L23" s="2" t="s">
        <v>129</v>
      </c>
    </row>
    <row r="24" spans="1:12" ht="15.2" customHeight="1">
      <c r="A24" s="2" t="s">
        <v>13</v>
      </c>
      <c r="B24" s="2" t="s">
        <v>130</v>
      </c>
      <c r="C24" s="2" t="s">
        <v>131</v>
      </c>
      <c r="D24" s="2" t="s">
        <v>132</v>
      </c>
      <c r="E24" s="2" t="s">
        <v>133</v>
      </c>
      <c r="F24" s="2" t="s">
        <v>134</v>
      </c>
      <c r="G24" s="3">
        <v>7</v>
      </c>
      <c r="H24" s="2" t="s">
        <v>95</v>
      </c>
      <c r="I24" s="3">
        <v>2019</v>
      </c>
      <c r="J24" s="2" t="s">
        <v>19</v>
      </c>
      <c r="K24" s="2"/>
      <c r="L24" s="2" t="s">
        <v>135</v>
      </c>
    </row>
    <row r="25" spans="1:12" ht="15.2" customHeight="1">
      <c r="A25" s="2" t="s">
        <v>13</v>
      </c>
      <c r="B25" s="2" t="s">
        <v>136</v>
      </c>
      <c r="C25" s="2"/>
      <c r="D25" s="2" t="s">
        <v>137</v>
      </c>
      <c r="E25" s="2" t="s">
        <v>138</v>
      </c>
      <c r="F25" s="2" t="s">
        <v>139</v>
      </c>
      <c r="G25" s="3">
        <v>1</v>
      </c>
      <c r="H25" s="2" t="s">
        <v>18</v>
      </c>
      <c r="I25" s="3">
        <v>2020</v>
      </c>
      <c r="J25" s="2" t="s">
        <v>47</v>
      </c>
      <c r="K25" s="2"/>
      <c r="L25" s="2" t="s">
        <v>140</v>
      </c>
    </row>
    <row r="26" spans="1:12" ht="15.2" customHeight="1">
      <c r="A26" s="2" t="s">
        <v>13</v>
      </c>
      <c r="B26" s="2" t="s">
        <v>141</v>
      </c>
      <c r="C26" s="2"/>
      <c r="D26" s="2" t="s">
        <v>142</v>
      </c>
      <c r="E26" s="2" t="s">
        <v>138</v>
      </c>
      <c r="F26" s="2" t="s">
        <v>143</v>
      </c>
      <c r="G26" s="3">
        <v>2</v>
      </c>
      <c r="H26" s="2" t="s">
        <v>18</v>
      </c>
      <c r="I26" s="3">
        <v>2020</v>
      </c>
      <c r="J26" s="2" t="s">
        <v>47</v>
      </c>
      <c r="K26" s="2"/>
      <c r="L26" s="2" t="s">
        <v>144</v>
      </c>
    </row>
    <row r="27" spans="1:12" ht="15.2" customHeight="1">
      <c r="A27" s="2" t="s">
        <v>13</v>
      </c>
      <c r="B27" s="2" t="s">
        <v>145</v>
      </c>
      <c r="C27" s="2" t="s">
        <v>146</v>
      </c>
      <c r="D27" s="2" t="s">
        <v>147</v>
      </c>
      <c r="E27" s="2" t="s">
        <v>148</v>
      </c>
      <c r="F27" s="2" t="s">
        <v>148</v>
      </c>
      <c r="G27" s="3">
        <v>1</v>
      </c>
      <c r="H27" s="2" t="s">
        <v>60</v>
      </c>
      <c r="I27" s="3">
        <v>2011</v>
      </c>
      <c r="J27" s="2" t="s">
        <v>19</v>
      </c>
      <c r="K27" s="2"/>
      <c r="L27" s="2" t="s">
        <v>149</v>
      </c>
    </row>
    <row r="28" spans="1:12" ht="15.2" customHeight="1">
      <c r="A28" s="2" t="s">
        <v>13</v>
      </c>
      <c r="B28" s="2" t="s">
        <v>150</v>
      </c>
      <c r="C28" s="2" t="s">
        <v>151</v>
      </c>
      <c r="D28" s="2" t="s">
        <v>152</v>
      </c>
      <c r="E28" s="2" t="s">
        <v>153</v>
      </c>
      <c r="F28" s="2" t="s">
        <v>153</v>
      </c>
      <c r="G28" s="3">
        <v>1</v>
      </c>
      <c r="H28" s="2" t="s">
        <v>18</v>
      </c>
      <c r="I28" s="3">
        <v>2019</v>
      </c>
      <c r="J28" s="2" t="s">
        <v>19</v>
      </c>
      <c r="K28" s="2"/>
      <c r="L28" s="2" t="s">
        <v>154</v>
      </c>
    </row>
    <row r="29" spans="1:12" ht="15.2" customHeight="1">
      <c r="A29" s="2" t="s">
        <v>13</v>
      </c>
      <c r="B29" s="2" t="s">
        <v>155</v>
      </c>
      <c r="C29" s="2" t="s">
        <v>156</v>
      </c>
      <c r="D29" s="2" t="s">
        <v>157</v>
      </c>
      <c r="E29" s="2" t="s">
        <v>158</v>
      </c>
      <c r="F29" s="2" t="s">
        <v>159</v>
      </c>
      <c r="G29" s="3">
        <v>11</v>
      </c>
      <c r="H29" s="2" t="s">
        <v>160</v>
      </c>
      <c r="I29" s="3">
        <v>2018</v>
      </c>
      <c r="J29" s="2" t="s">
        <v>19</v>
      </c>
      <c r="K29" s="2"/>
      <c r="L29" s="2" t="s">
        <v>161</v>
      </c>
    </row>
    <row r="30" spans="1:12" ht="15.2" customHeight="1">
      <c r="A30" s="2" t="s">
        <v>13</v>
      </c>
      <c r="B30" s="2" t="s">
        <v>162</v>
      </c>
      <c r="C30" s="2" t="s">
        <v>26</v>
      </c>
      <c r="D30" s="2" t="s">
        <v>27</v>
      </c>
      <c r="E30" s="2" t="s">
        <v>28</v>
      </c>
      <c r="F30" s="2" t="s">
        <v>29</v>
      </c>
      <c r="G30" s="3">
        <v>4</v>
      </c>
      <c r="H30" s="2" t="s">
        <v>18</v>
      </c>
      <c r="I30" s="3">
        <v>2012</v>
      </c>
      <c r="J30" s="2" t="s">
        <v>30</v>
      </c>
      <c r="K30" s="2"/>
      <c r="L30" s="2" t="s">
        <v>31</v>
      </c>
    </row>
    <row r="31" spans="1:12" ht="15.2" customHeight="1">
      <c r="A31" s="2" t="s">
        <v>13</v>
      </c>
      <c r="B31" s="2" t="s">
        <v>163</v>
      </c>
      <c r="C31" s="2" t="s">
        <v>33</v>
      </c>
      <c r="D31" s="2" t="s">
        <v>34</v>
      </c>
      <c r="E31" s="2" t="s">
        <v>28</v>
      </c>
      <c r="F31" s="2" t="s">
        <v>35</v>
      </c>
      <c r="G31" s="3">
        <v>5</v>
      </c>
      <c r="H31" s="2" t="s">
        <v>60</v>
      </c>
      <c r="I31" s="3">
        <v>2012</v>
      </c>
      <c r="J31" s="2" t="s">
        <v>30</v>
      </c>
      <c r="K31" s="2"/>
      <c r="L31" s="2" t="s">
        <v>36</v>
      </c>
    </row>
    <row r="32" spans="1:12" ht="15.2" customHeight="1">
      <c r="A32" s="2" t="s">
        <v>13</v>
      </c>
      <c r="B32" s="2" t="s">
        <v>164</v>
      </c>
      <c r="C32" s="2"/>
      <c r="D32" s="2" t="s">
        <v>113</v>
      </c>
      <c r="E32" s="2" t="s">
        <v>114</v>
      </c>
      <c r="F32" s="2" t="s">
        <v>115</v>
      </c>
      <c r="G32" s="3">
        <v>1</v>
      </c>
      <c r="H32" s="2" t="s">
        <v>77</v>
      </c>
      <c r="I32" s="3">
        <v>2019</v>
      </c>
      <c r="J32" s="2" t="s">
        <v>19</v>
      </c>
      <c r="K32" s="2"/>
      <c r="L32" s="2" t="s">
        <v>116</v>
      </c>
    </row>
    <row r="33" spans="1:12" ht="15.2" customHeight="1">
      <c r="A33" s="2" t="s">
        <v>165</v>
      </c>
      <c r="B33" s="2" t="s">
        <v>14</v>
      </c>
      <c r="C33" s="2" t="s">
        <v>166</v>
      </c>
      <c r="D33" s="2" t="s">
        <v>167</v>
      </c>
      <c r="E33" s="2" t="s">
        <v>93</v>
      </c>
      <c r="F33" s="2" t="s">
        <v>168</v>
      </c>
      <c r="G33" s="3">
        <v>19</v>
      </c>
      <c r="H33" s="2" t="s">
        <v>77</v>
      </c>
      <c r="I33" s="3">
        <v>2015</v>
      </c>
      <c r="J33" s="2" t="s">
        <v>19</v>
      </c>
      <c r="K33" s="2"/>
      <c r="L33" s="2" t="s">
        <v>169</v>
      </c>
    </row>
    <row r="34" spans="1:12" ht="15.2" customHeight="1">
      <c r="A34" s="2" t="s">
        <v>165</v>
      </c>
      <c r="B34" s="2" t="s">
        <v>21</v>
      </c>
      <c r="C34" s="2" t="s">
        <v>170</v>
      </c>
      <c r="D34" s="2" t="s">
        <v>171</v>
      </c>
      <c r="E34" s="2" t="s">
        <v>93</v>
      </c>
      <c r="F34" s="2" t="s">
        <v>172</v>
      </c>
      <c r="G34" s="3">
        <v>20</v>
      </c>
      <c r="H34" s="2" t="s">
        <v>77</v>
      </c>
      <c r="I34" s="3">
        <v>2015</v>
      </c>
      <c r="J34" s="2" t="s">
        <v>19</v>
      </c>
      <c r="K34" s="2"/>
      <c r="L34" s="2" t="s">
        <v>173</v>
      </c>
    </row>
    <row r="35" spans="1:12" ht="15.2" customHeight="1">
      <c r="A35" s="2" t="s">
        <v>165</v>
      </c>
      <c r="B35" s="2" t="s">
        <v>25</v>
      </c>
      <c r="C35" s="2"/>
      <c r="D35" s="2" t="s">
        <v>122</v>
      </c>
      <c r="E35" s="2" t="s">
        <v>123</v>
      </c>
      <c r="F35" s="2" t="s">
        <v>124</v>
      </c>
      <c r="G35" s="3">
        <v>5</v>
      </c>
      <c r="H35" s="2" t="s">
        <v>60</v>
      </c>
      <c r="I35" s="3">
        <v>2020</v>
      </c>
      <c r="J35" s="2" t="s">
        <v>19</v>
      </c>
      <c r="K35" s="2"/>
      <c r="L35" s="2" t="s">
        <v>125</v>
      </c>
    </row>
    <row r="36" spans="1:12" ht="15.2" customHeight="1">
      <c r="A36" s="2" t="s">
        <v>165</v>
      </c>
      <c r="B36" s="2" t="s">
        <v>32</v>
      </c>
      <c r="C36" s="2"/>
      <c r="D36" s="2" t="s">
        <v>127</v>
      </c>
      <c r="E36" s="2" t="s">
        <v>123</v>
      </c>
      <c r="F36" s="2" t="s">
        <v>128</v>
      </c>
      <c r="G36" s="3">
        <v>6</v>
      </c>
      <c r="H36" s="2" t="s">
        <v>60</v>
      </c>
      <c r="I36" s="3">
        <v>2020</v>
      </c>
      <c r="J36" s="2" t="s">
        <v>19</v>
      </c>
      <c r="K36" s="2"/>
      <c r="L36" s="2" t="s">
        <v>129</v>
      </c>
    </row>
    <row r="37" spans="1:12" ht="15.2" customHeight="1">
      <c r="A37" s="2" t="s">
        <v>165</v>
      </c>
      <c r="B37" s="2" t="s">
        <v>37</v>
      </c>
      <c r="C37" s="2" t="s">
        <v>131</v>
      </c>
      <c r="D37" s="2" t="s">
        <v>132</v>
      </c>
      <c r="E37" s="2" t="s">
        <v>133</v>
      </c>
      <c r="F37" s="2" t="s">
        <v>134</v>
      </c>
      <c r="G37" s="3">
        <v>7</v>
      </c>
      <c r="H37" s="2" t="s">
        <v>95</v>
      </c>
      <c r="I37" s="3">
        <v>2019</v>
      </c>
      <c r="J37" s="2" t="s">
        <v>19</v>
      </c>
      <c r="K37" s="2"/>
      <c r="L37" s="2" t="s">
        <v>135</v>
      </c>
    </row>
    <row r="38" spans="1:12" ht="15.2" customHeight="1">
      <c r="A38" s="2" t="s">
        <v>165</v>
      </c>
      <c r="B38" s="2" t="s">
        <v>42</v>
      </c>
      <c r="C38" s="2" t="s">
        <v>174</v>
      </c>
      <c r="D38" s="2" t="s">
        <v>175</v>
      </c>
      <c r="E38" s="2" t="s">
        <v>133</v>
      </c>
      <c r="F38" s="2" t="s">
        <v>176</v>
      </c>
      <c r="G38" s="3">
        <v>8</v>
      </c>
      <c r="H38" s="2" t="s">
        <v>95</v>
      </c>
      <c r="I38" s="3">
        <v>2019</v>
      </c>
      <c r="J38" s="2" t="s">
        <v>19</v>
      </c>
      <c r="K38" s="2"/>
      <c r="L38" s="2" t="s">
        <v>177</v>
      </c>
    </row>
    <row r="39" spans="1:12" ht="15.2" customHeight="1">
      <c r="A39" s="2" t="s">
        <v>165</v>
      </c>
      <c r="B39" s="2" t="s">
        <v>49</v>
      </c>
      <c r="C39" s="2"/>
      <c r="D39" s="2" t="s">
        <v>113</v>
      </c>
      <c r="E39" s="2" t="s">
        <v>114</v>
      </c>
      <c r="F39" s="2" t="s">
        <v>115</v>
      </c>
      <c r="G39" s="3">
        <v>1</v>
      </c>
      <c r="H39" s="2" t="s">
        <v>77</v>
      </c>
      <c r="I39" s="3">
        <v>2019</v>
      </c>
      <c r="J39" s="2" t="s">
        <v>19</v>
      </c>
      <c r="K39" s="2"/>
      <c r="L39" s="2" t="s">
        <v>116</v>
      </c>
    </row>
    <row r="40" spans="1:12" ht="15.2" customHeight="1">
      <c r="A40" s="2" t="s">
        <v>165</v>
      </c>
      <c r="B40" s="2" t="s">
        <v>55</v>
      </c>
      <c r="C40" s="2"/>
      <c r="D40" s="2" t="s">
        <v>118</v>
      </c>
      <c r="E40" s="2" t="s">
        <v>114</v>
      </c>
      <c r="F40" s="2" t="s">
        <v>119</v>
      </c>
      <c r="G40" s="3">
        <v>2</v>
      </c>
      <c r="H40" s="2" t="s">
        <v>77</v>
      </c>
      <c r="I40" s="3">
        <v>2019</v>
      </c>
      <c r="J40" s="2" t="s">
        <v>19</v>
      </c>
      <c r="K40" s="2"/>
      <c r="L40" s="2" t="s">
        <v>120</v>
      </c>
    </row>
    <row r="41" spans="1:12" ht="15.2" customHeight="1">
      <c r="A41" s="2" t="s">
        <v>165</v>
      </c>
      <c r="B41" s="2" t="s">
        <v>62</v>
      </c>
      <c r="C41" s="2"/>
      <c r="D41" s="2" t="s">
        <v>15</v>
      </c>
      <c r="E41" s="2" t="s">
        <v>16</v>
      </c>
      <c r="F41" s="2" t="s">
        <v>17</v>
      </c>
      <c r="G41" s="3">
        <v>7</v>
      </c>
      <c r="H41" s="2" t="s">
        <v>18</v>
      </c>
      <c r="I41" s="3">
        <v>2020</v>
      </c>
      <c r="J41" s="2" t="s">
        <v>19</v>
      </c>
      <c r="K41" s="2"/>
      <c r="L41" s="2" t="s">
        <v>20</v>
      </c>
    </row>
    <row r="42" spans="1:12" ht="15.2" customHeight="1">
      <c r="A42" s="2" t="s">
        <v>165</v>
      </c>
      <c r="B42" s="2" t="s">
        <v>67</v>
      </c>
      <c r="C42" s="2" t="s">
        <v>178</v>
      </c>
      <c r="D42" s="2" t="s">
        <v>179</v>
      </c>
      <c r="E42" s="2" t="s">
        <v>180</v>
      </c>
      <c r="F42" s="2" t="s">
        <v>181</v>
      </c>
      <c r="G42" s="3">
        <v>3</v>
      </c>
      <c r="H42" s="2" t="s">
        <v>18</v>
      </c>
      <c r="I42" s="3">
        <v>2017</v>
      </c>
      <c r="J42" s="2" t="s">
        <v>19</v>
      </c>
      <c r="K42" s="2"/>
      <c r="L42" s="2" t="s">
        <v>182</v>
      </c>
    </row>
    <row r="43" spans="1:12" ht="15.2" customHeight="1">
      <c r="A43" s="2" t="s">
        <v>165</v>
      </c>
      <c r="B43" s="2" t="s">
        <v>72</v>
      </c>
      <c r="C43" s="2" t="s">
        <v>68</v>
      </c>
      <c r="D43" s="2" t="s">
        <v>69</v>
      </c>
      <c r="E43" s="2" t="s">
        <v>58</v>
      </c>
      <c r="F43" s="2" t="s">
        <v>70</v>
      </c>
      <c r="G43" s="3">
        <v>3</v>
      </c>
      <c r="H43" s="2" t="s">
        <v>60</v>
      </c>
      <c r="I43" s="3">
        <v>2014</v>
      </c>
      <c r="J43" s="2" t="s">
        <v>19</v>
      </c>
      <c r="K43" s="2"/>
      <c r="L43" s="2" t="s">
        <v>71</v>
      </c>
    </row>
    <row r="44" spans="1:12" ht="15.2" customHeight="1">
      <c r="A44" s="2" t="s">
        <v>165</v>
      </c>
      <c r="B44" s="2" t="s">
        <v>79</v>
      </c>
      <c r="C44" s="2" t="s">
        <v>56</v>
      </c>
      <c r="D44" s="2" t="s">
        <v>57</v>
      </c>
      <c r="E44" s="2" t="s">
        <v>58</v>
      </c>
      <c r="F44" s="2" t="s">
        <v>59</v>
      </c>
      <c r="G44" s="3">
        <v>1</v>
      </c>
      <c r="H44" s="2" t="s">
        <v>60</v>
      </c>
      <c r="I44" s="3">
        <v>2014</v>
      </c>
      <c r="J44" s="2" t="s">
        <v>19</v>
      </c>
      <c r="K44" s="2"/>
      <c r="L44" s="2" t="s">
        <v>61</v>
      </c>
    </row>
    <row r="45" spans="1:12" ht="15.2" customHeight="1">
      <c r="A45" s="2" t="s">
        <v>165</v>
      </c>
      <c r="B45" s="2" t="s">
        <v>85</v>
      </c>
      <c r="C45" s="2" t="s">
        <v>63</v>
      </c>
      <c r="D45" s="2" t="s">
        <v>64</v>
      </c>
      <c r="E45" s="2" t="s">
        <v>58</v>
      </c>
      <c r="F45" s="2" t="s">
        <v>65</v>
      </c>
      <c r="G45" s="3">
        <v>2</v>
      </c>
      <c r="H45" s="2" t="s">
        <v>60</v>
      </c>
      <c r="I45" s="3">
        <v>2014</v>
      </c>
      <c r="J45" s="2" t="s">
        <v>19</v>
      </c>
      <c r="K45" s="2"/>
      <c r="L45" s="2" t="s">
        <v>66</v>
      </c>
    </row>
    <row r="46" spans="1:12" ht="15.2" customHeight="1">
      <c r="A46" s="2" t="s">
        <v>165</v>
      </c>
      <c r="B46" s="2" t="s">
        <v>90</v>
      </c>
      <c r="C46" s="2"/>
      <c r="D46" s="2" t="s">
        <v>183</v>
      </c>
      <c r="E46" s="2" t="s">
        <v>184</v>
      </c>
      <c r="F46" s="2" t="s">
        <v>185</v>
      </c>
      <c r="G46" s="3">
        <v>1</v>
      </c>
      <c r="H46" s="2" t="s">
        <v>77</v>
      </c>
      <c r="I46" s="3">
        <v>2019</v>
      </c>
      <c r="J46" s="2" t="s">
        <v>19</v>
      </c>
      <c r="K46" s="2"/>
      <c r="L46" s="2" t="s">
        <v>186</v>
      </c>
    </row>
    <row r="47" spans="1:12" ht="15.2" customHeight="1">
      <c r="A47" s="2" t="s">
        <v>165</v>
      </c>
      <c r="B47" s="2" t="s">
        <v>97</v>
      </c>
      <c r="C47" s="2"/>
      <c r="D47" s="2" t="s">
        <v>187</v>
      </c>
      <c r="E47" s="2" t="s">
        <v>188</v>
      </c>
      <c r="F47" s="2" t="s">
        <v>189</v>
      </c>
      <c r="G47" s="3">
        <v>1</v>
      </c>
      <c r="H47" s="2" t="s">
        <v>18</v>
      </c>
      <c r="I47" s="3">
        <v>2019</v>
      </c>
      <c r="J47" s="2" t="s">
        <v>190</v>
      </c>
      <c r="K47" s="2"/>
      <c r="L47" s="2" t="s">
        <v>191</v>
      </c>
    </row>
    <row r="48" spans="1:12" ht="15.2" customHeight="1">
      <c r="A48" s="2" t="s">
        <v>165</v>
      </c>
      <c r="B48" s="2" t="s">
        <v>102</v>
      </c>
      <c r="C48" s="2" t="s">
        <v>192</v>
      </c>
      <c r="D48" s="2" t="s">
        <v>193</v>
      </c>
      <c r="E48" s="2" t="s">
        <v>188</v>
      </c>
      <c r="F48" s="2" t="s">
        <v>194</v>
      </c>
      <c r="G48" s="3">
        <v>2</v>
      </c>
      <c r="H48" s="2" t="s">
        <v>18</v>
      </c>
      <c r="I48" s="3">
        <v>2019</v>
      </c>
      <c r="J48" s="2" t="s">
        <v>190</v>
      </c>
      <c r="K48" s="2"/>
      <c r="L48" s="2" t="s">
        <v>195</v>
      </c>
    </row>
    <row r="49" spans="1:12" ht="15.2" customHeight="1">
      <c r="A49" s="2" t="s">
        <v>165</v>
      </c>
      <c r="B49" s="2" t="s">
        <v>107</v>
      </c>
      <c r="C49" s="2" t="s">
        <v>196</v>
      </c>
      <c r="D49" s="2" t="s">
        <v>197</v>
      </c>
      <c r="E49" s="2" t="s">
        <v>198</v>
      </c>
      <c r="F49" s="2" t="s">
        <v>199</v>
      </c>
      <c r="G49" s="3">
        <v>1</v>
      </c>
      <c r="H49" s="2" t="s">
        <v>60</v>
      </c>
      <c r="I49" s="3">
        <v>2015</v>
      </c>
      <c r="J49" s="2" t="s">
        <v>190</v>
      </c>
      <c r="K49" s="2"/>
      <c r="L49" s="2" t="s">
        <v>200</v>
      </c>
    </row>
    <row r="50" spans="1:12" ht="15.2" customHeight="1">
      <c r="A50" s="2" t="s">
        <v>165</v>
      </c>
      <c r="B50" s="2" t="s">
        <v>112</v>
      </c>
      <c r="C50" s="2" t="s">
        <v>201</v>
      </c>
      <c r="D50" s="2" t="s">
        <v>202</v>
      </c>
      <c r="E50" s="2" t="s">
        <v>93</v>
      </c>
      <c r="F50" s="2" t="s">
        <v>203</v>
      </c>
      <c r="G50" s="3">
        <v>1</v>
      </c>
      <c r="H50" s="2" t="s">
        <v>77</v>
      </c>
      <c r="I50" s="3">
        <v>2016</v>
      </c>
      <c r="J50" s="2" t="s">
        <v>19</v>
      </c>
      <c r="K50" s="2"/>
      <c r="L50" s="2" t="s">
        <v>204</v>
      </c>
    </row>
    <row r="51" spans="1:12" ht="15.2" customHeight="1">
      <c r="A51" s="2" t="s">
        <v>165</v>
      </c>
      <c r="B51" s="2" t="s">
        <v>117</v>
      </c>
      <c r="C51" s="2" t="s">
        <v>205</v>
      </c>
      <c r="D51" s="2" t="s">
        <v>206</v>
      </c>
      <c r="E51" s="2" t="s">
        <v>93</v>
      </c>
      <c r="F51" s="2" t="s">
        <v>207</v>
      </c>
      <c r="G51" s="3">
        <v>2</v>
      </c>
      <c r="H51" s="2" t="s">
        <v>77</v>
      </c>
      <c r="I51" s="3">
        <v>2016</v>
      </c>
      <c r="J51" s="2" t="s">
        <v>19</v>
      </c>
      <c r="K51" s="2"/>
      <c r="L51" s="2" t="s">
        <v>208</v>
      </c>
    </row>
    <row r="52" spans="1:12" ht="15.2" customHeight="1">
      <c r="A52" s="2" t="s">
        <v>165</v>
      </c>
      <c r="B52" s="2" t="s">
        <v>121</v>
      </c>
      <c r="C52" s="2" t="s">
        <v>91</v>
      </c>
      <c r="D52" s="2" t="s">
        <v>92</v>
      </c>
      <c r="E52" s="2" t="s">
        <v>93</v>
      </c>
      <c r="F52" s="2" t="s">
        <v>94</v>
      </c>
      <c r="G52" s="3">
        <v>1</v>
      </c>
      <c r="H52" s="2" t="s">
        <v>95</v>
      </c>
      <c r="I52" s="3">
        <v>2019</v>
      </c>
      <c r="J52" s="2" t="s">
        <v>19</v>
      </c>
      <c r="K52" s="2"/>
      <c r="L52" s="2" t="s">
        <v>96</v>
      </c>
    </row>
    <row r="53" spans="1:12" ht="15.2" customHeight="1">
      <c r="A53" s="2" t="s">
        <v>165</v>
      </c>
      <c r="B53" s="2" t="s">
        <v>126</v>
      </c>
      <c r="C53" s="2" t="s">
        <v>98</v>
      </c>
      <c r="D53" s="2" t="s">
        <v>99</v>
      </c>
      <c r="E53" s="2" t="s">
        <v>93</v>
      </c>
      <c r="F53" s="2" t="s">
        <v>100</v>
      </c>
      <c r="G53" s="3">
        <v>2</v>
      </c>
      <c r="H53" s="2" t="s">
        <v>95</v>
      </c>
      <c r="I53" s="3">
        <v>2019</v>
      </c>
      <c r="J53" s="2" t="s">
        <v>19</v>
      </c>
      <c r="K53" s="2"/>
      <c r="L53" s="2" t="s">
        <v>101</v>
      </c>
    </row>
    <row r="54" spans="1:12" ht="15.2" customHeight="1">
      <c r="A54" s="2" t="s">
        <v>165</v>
      </c>
      <c r="B54" s="2" t="s">
        <v>130</v>
      </c>
      <c r="C54" s="2" t="s">
        <v>103</v>
      </c>
      <c r="D54" s="2" t="s">
        <v>104</v>
      </c>
      <c r="E54" s="2" t="s">
        <v>93</v>
      </c>
      <c r="F54" s="2" t="s">
        <v>105</v>
      </c>
      <c r="G54" s="3">
        <v>3</v>
      </c>
      <c r="H54" s="2" t="s">
        <v>95</v>
      </c>
      <c r="I54" s="3">
        <v>2019</v>
      </c>
      <c r="J54" s="2" t="s">
        <v>19</v>
      </c>
      <c r="K54" s="2"/>
      <c r="L54" s="2" t="s">
        <v>106</v>
      </c>
    </row>
    <row r="55" spans="1:12" ht="15.2" customHeight="1">
      <c r="A55" s="2" t="s">
        <v>165</v>
      </c>
      <c r="B55" s="2" t="s">
        <v>136</v>
      </c>
      <c r="C55" s="2" t="s">
        <v>73</v>
      </c>
      <c r="D55" s="2" t="s">
        <v>74</v>
      </c>
      <c r="E55" s="2" t="s">
        <v>75</v>
      </c>
      <c r="F55" s="2" t="s">
        <v>76</v>
      </c>
      <c r="G55" s="3">
        <v>1</v>
      </c>
      <c r="H55" s="2" t="s">
        <v>77</v>
      </c>
      <c r="I55" s="3">
        <v>2014</v>
      </c>
      <c r="J55" s="2" t="s">
        <v>19</v>
      </c>
      <c r="K55" s="2"/>
      <c r="L55" s="2" t="s">
        <v>78</v>
      </c>
    </row>
    <row r="56" spans="1:12" ht="15.2" customHeight="1">
      <c r="A56" s="2" t="s">
        <v>165</v>
      </c>
      <c r="B56" s="2" t="s">
        <v>141</v>
      </c>
      <c r="C56" s="2" t="s">
        <v>80</v>
      </c>
      <c r="D56" s="2" t="s">
        <v>81</v>
      </c>
      <c r="E56" s="2" t="s">
        <v>82</v>
      </c>
      <c r="F56" s="2" t="s">
        <v>83</v>
      </c>
      <c r="G56" s="3">
        <v>1</v>
      </c>
      <c r="H56" s="2" t="s">
        <v>18</v>
      </c>
      <c r="I56" s="3">
        <v>2018</v>
      </c>
      <c r="J56" s="2" t="s">
        <v>19</v>
      </c>
      <c r="K56" s="2"/>
      <c r="L56" s="2" t="s">
        <v>84</v>
      </c>
    </row>
    <row r="57" spans="1:12" ht="15.2" customHeight="1">
      <c r="A57" s="2" t="s">
        <v>165</v>
      </c>
      <c r="B57" s="2" t="s">
        <v>145</v>
      </c>
      <c r="C57" s="2" t="s">
        <v>86</v>
      </c>
      <c r="D57" s="2" t="s">
        <v>87</v>
      </c>
      <c r="E57" s="2" t="s">
        <v>87</v>
      </c>
      <c r="F57" s="2" t="s">
        <v>87</v>
      </c>
      <c r="G57" s="3">
        <v>1</v>
      </c>
      <c r="H57" s="2" t="s">
        <v>60</v>
      </c>
      <c r="I57" s="3">
        <v>2016</v>
      </c>
      <c r="J57" s="2" t="s">
        <v>88</v>
      </c>
      <c r="K57" s="2"/>
      <c r="L57" s="2" t="s">
        <v>89</v>
      </c>
    </row>
    <row r="58" spans="1:12" ht="15.2" customHeight="1">
      <c r="A58" s="2" t="s">
        <v>165</v>
      </c>
      <c r="B58" s="2" t="s">
        <v>150</v>
      </c>
      <c r="C58" s="2" t="s">
        <v>209</v>
      </c>
      <c r="D58" s="2" t="s">
        <v>210</v>
      </c>
      <c r="E58" s="2" t="s">
        <v>188</v>
      </c>
      <c r="F58" s="2" t="s">
        <v>211</v>
      </c>
      <c r="G58" s="3">
        <v>6</v>
      </c>
      <c r="H58" s="2" t="s">
        <v>18</v>
      </c>
      <c r="I58" s="3">
        <v>2019</v>
      </c>
      <c r="J58" s="2" t="s">
        <v>190</v>
      </c>
      <c r="K58" s="2"/>
      <c r="L58" s="2" t="s">
        <v>212</v>
      </c>
    </row>
    <row r="59" spans="1:12" ht="15.2" customHeight="1">
      <c r="A59" s="2" t="s">
        <v>165</v>
      </c>
      <c r="B59" s="2" t="s">
        <v>155</v>
      </c>
      <c r="C59" s="2" t="s">
        <v>213</v>
      </c>
      <c r="D59" s="2" t="s">
        <v>214</v>
      </c>
      <c r="E59" s="2" t="s">
        <v>158</v>
      </c>
      <c r="F59" s="2" t="s">
        <v>215</v>
      </c>
      <c r="G59" s="3">
        <v>12</v>
      </c>
      <c r="H59" s="2" t="s">
        <v>160</v>
      </c>
      <c r="I59" s="3">
        <v>2018</v>
      </c>
      <c r="J59" s="2" t="s">
        <v>19</v>
      </c>
      <c r="K59" s="2"/>
      <c r="L59" s="2" t="s">
        <v>216</v>
      </c>
    </row>
    <row r="60" spans="1:12" ht="15.2" customHeight="1">
      <c r="A60" s="2" t="s">
        <v>165</v>
      </c>
      <c r="B60" s="2" t="s">
        <v>162</v>
      </c>
      <c r="C60" s="2"/>
      <c r="D60" s="2" t="s">
        <v>122</v>
      </c>
      <c r="E60" s="2" t="s">
        <v>123</v>
      </c>
      <c r="F60" s="2" t="s">
        <v>124</v>
      </c>
      <c r="G60" s="3">
        <v>5</v>
      </c>
      <c r="H60" s="2" t="s">
        <v>60</v>
      </c>
      <c r="I60" s="3">
        <v>2020</v>
      </c>
      <c r="J60" s="2" t="s">
        <v>19</v>
      </c>
      <c r="K60" s="2"/>
      <c r="L60" s="2" t="s">
        <v>125</v>
      </c>
    </row>
    <row r="61" spans="1:12" ht="15.2" customHeight="1">
      <c r="A61" s="2" t="s">
        <v>165</v>
      </c>
      <c r="B61" s="2" t="s">
        <v>163</v>
      </c>
      <c r="C61" s="2"/>
      <c r="D61" s="2" t="s">
        <v>127</v>
      </c>
      <c r="E61" s="2" t="s">
        <v>123</v>
      </c>
      <c r="F61" s="2" t="s">
        <v>128</v>
      </c>
      <c r="G61" s="3">
        <v>6</v>
      </c>
      <c r="H61" s="2" t="s">
        <v>60</v>
      </c>
      <c r="I61" s="3">
        <v>2020</v>
      </c>
      <c r="J61" s="2" t="s">
        <v>19</v>
      </c>
      <c r="K61" s="2"/>
      <c r="L61" s="2" t="s">
        <v>129</v>
      </c>
    </row>
    <row r="62" spans="1:12" ht="15.2" customHeight="1">
      <c r="A62" s="2" t="s">
        <v>165</v>
      </c>
      <c r="B62" s="2" t="s">
        <v>164</v>
      </c>
      <c r="C62" s="2" t="s">
        <v>201</v>
      </c>
      <c r="D62" s="2" t="s">
        <v>202</v>
      </c>
      <c r="E62" s="2" t="s">
        <v>93</v>
      </c>
      <c r="F62" s="2" t="s">
        <v>203</v>
      </c>
      <c r="G62" s="3">
        <v>1</v>
      </c>
      <c r="H62" s="2" t="s">
        <v>77</v>
      </c>
      <c r="I62" s="3">
        <v>2016</v>
      </c>
      <c r="J62" s="2" t="s">
        <v>19</v>
      </c>
      <c r="K62" s="2"/>
      <c r="L62" s="2" t="s">
        <v>204</v>
      </c>
    </row>
    <row r="63" spans="1:12" ht="15.2" customHeight="1">
      <c r="A63" s="2" t="s">
        <v>217</v>
      </c>
      <c r="B63" s="2" t="s">
        <v>14</v>
      </c>
      <c r="C63" s="2" t="s">
        <v>218</v>
      </c>
      <c r="D63" s="2" t="s">
        <v>219</v>
      </c>
      <c r="E63" s="2" t="s">
        <v>220</v>
      </c>
      <c r="F63" s="2" t="s">
        <v>221</v>
      </c>
      <c r="G63" s="3">
        <v>1</v>
      </c>
      <c r="H63" s="2" t="s">
        <v>77</v>
      </c>
      <c r="I63" s="3">
        <v>2018</v>
      </c>
      <c r="J63" s="2" t="s">
        <v>190</v>
      </c>
      <c r="K63" s="2"/>
      <c r="L63" s="2" t="s">
        <v>222</v>
      </c>
    </row>
    <row r="64" spans="1:12" ht="15.2" customHeight="1">
      <c r="A64" s="2" t="s">
        <v>217</v>
      </c>
      <c r="B64" s="2" t="s">
        <v>21</v>
      </c>
      <c r="C64" s="2" t="s">
        <v>223</v>
      </c>
      <c r="D64" s="2" t="s">
        <v>224</v>
      </c>
      <c r="E64" s="2" t="s">
        <v>225</v>
      </c>
      <c r="F64" s="2" t="s">
        <v>226</v>
      </c>
      <c r="G64" s="3">
        <v>19</v>
      </c>
      <c r="H64" s="2" t="s">
        <v>77</v>
      </c>
      <c r="I64" s="3">
        <v>2007</v>
      </c>
      <c r="J64" s="2" t="s">
        <v>19</v>
      </c>
      <c r="K64" s="2"/>
      <c r="L64" s="2" t="s">
        <v>227</v>
      </c>
    </row>
    <row r="65" spans="1:12" ht="15.2" customHeight="1">
      <c r="A65" s="2" t="s">
        <v>217</v>
      </c>
      <c r="B65" s="2" t="s">
        <v>25</v>
      </c>
      <c r="C65" s="2"/>
      <c r="D65" s="2" t="s">
        <v>228</v>
      </c>
      <c r="E65" s="2" t="s">
        <v>123</v>
      </c>
      <c r="F65" s="2" t="s">
        <v>229</v>
      </c>
      <c r="G65" s="3">
        <v>3</v>
      </c>
      <c r="H65" s="2" t="s">
        <v>18</v>
      </c>
      <c r="I65" s="3">
        <v>2020</v>
      </c>
      <c r="J65" s="2" t="s">
        <v>19</v>
      </c>
      <c r="K65" s="2"/>
      <c r="L65" s="2" t="s">
        <v>230</v>
      </c>
    </row>
    <row r="66" spans="1:12" ht="15.2" customHeight="1">
      <c r="A66" s="2" t="s">
        <v>217</v>
      </c>
      <c r="B66" s="2" t="s">
        <v>32</v>
      </c>
      <c r="C66" s="2"/>
      <c r="D66" s="2" t="s">
        <v>231</v>
      </c>
      <c r="E66" s="2" t="s">
        <v>123</v>
      </c>
      <c r="F66" s="2" t="s">
        <v>232</v>
      </c>
      <c r="G66" s="3">
        <v>4</v>
      </c>
      <c r="H66" s="2" t="s">
        <v>18</v>
      </c>
      <c r="I66" s="3">
        <v>2020</v>
      </c>
      <c r="J66" s="2" t="s">
        <v>19</v>
      </c>
      <c r="K66" s="2"/>
      <c r="L66" s="2" t="s">
        <v>233</v>
      </c>
    </row>
    <row r="67" spans="1:12" ht="15.2" customHeight="1">
      <c r="A67" s="2" t="s">
        <v>217</v>
      </c>
      <c r="B67" s="2" t="s">
        <v>37</v>
      </c>
      <c r="C67" s="2" t="s">
        <v>234</v>
      </c>
      <c r="D67" s="2" t="s">
        <v>235</v>
      </c>
      <c r="E67" s="2" t="s">
        <v>133</v>
      </c>
      <c r="F67" s="2" t="s">
        <v>236</v>
      </c>
      <c r="G67" s="3">
        <v>5</v>
      </c>
      <c r="H67" s="2" t="s">
        <v>95</v>
      </c>
      <c r="I67" s="3">
        <v>2019</v>
      </c>
      <c r="J67" s="2" t="s">
        <v>19</v>
      </c>
      <c r="K67" s="2"/>
      <c r="L67" s="2" t="s">
        <v>237</v>
      </c>
    </row>
    <row r="68" spans="1:12" ht="15.2" customHeight="1">
      <c r="A68" s="2" t="s">
        <v>217</v>
      </c>
      <c r="B68" s="2" t="s">
        <v>42</v>
      </c>
      <c r="C68" s="2" t="s">
        <v>238</v>
      </c>
      <c r="D68" s="2" t="s">
        <v>239</v>
      </c>
      <c r="E68" s="2" t="s">
        <v>133</v>
      </c>
      <c r="F68" s="2" t="s">
        <v>240</v>
      </c>
      <c r="G68" s="3">
        <v>6</v>
      </c>
      <c r="H68" s="2" t="s">
        <v>95</v>
      </c>
      <c r="I68" s="3">
        <v>2019</v>
      </c>
      <c r="J68" s="2" t="s">
        <v>19</v>
      </c>
      <c r="K68" s="2"/>
      <c r="L68" s="2" t="s">
        <v>241</v>
      </c>
    </row>
    <row r="69" spans="1:12" ht="15.2" customHeight="1">
      <c r="A69" s="2" t="s">
        <v>217</v>
      </c>
      <c r="B69" s="2" t="s">
        <v>49</v>
      </c>
      <c r="C69" s="2" t="s">
        <v>242</v>
      </c>
      <c r="D69" s="2" t="s">
        <v>243</v>
      </c>
      <c r="E69" s="2" t="s">
        <v>244</v>
      </c>
      <c r="F69" s="2" t="s">
        <v>245</v>
      </c>
      <c r="G69" s="3">
        <v>8</v>
      </c>
      <c r="H69" s="2" t="s">
        <v>95</v>
      </c>
      <c r="I69" s="3">
        <v>2019</v>
      </c>
      <c r="J69" s="2" t="s">
        <v>19</v>
      </c>
      <c r="K69" s="2"/>
      <c r="L69" s="2" t="s">
        <v>246</v>
      </c>
    </row>
    <row r="70" spans="1:12" ht="15.2" customHeight="1">
      <c r="A70" s="2" t="s">
        <v>217</v>
      </c>
      <c r="B70" s="2" t="s">
        <v>55</v>
      </c>
      <c r="C70" s="2" t="s">
        <v>247</v>
      </c>
      <c r="D70" s="2" t="s">
        <v>248</v>
      </c>
      <c r="E70" s="2" t="s">
        <v>244</v>
      </c>
      <c r="F70" s="2" t="s">
        <v>249</v>
      </c>
      <c r="G70" s="3">
        <v>7</v>
      </c>
      <c r="H70" s="2" t="s">
        <v>95</v>
      </c>
      <c r="I70" s="3">
        <v>2019</v>
      </c>
      <c r="J70" s="2" t="s">
        <v>19</v>
      </c>
      <c r="K70" s="2"/>
      <c r="L70" s="2" t="s">
        <v>250</v>
      </c>
    </row>
    <row r="71" spans="1:12" ht="15.2" customHeight="1">
      <c r="A71" s="2" t="s">
        <v>217</v>
      </c>
      <c r="B71" s="2" t="s">
        <v>62</v>
      </c>
      <c r="C71" s="2" t="s">
        <v>218</v>
      </c>
      <c r="D71" s="2" t="s">
        <v>219</v>
      </c>
      <c r="E71" s="2" t="s">
        <v>220</v>
      </c>
      <c r="F71" s="2" t="s">
        <v>221</v>
      </c>
      <c r="G71" s="3">
        <v>1</v>
      </c>
      <c r="H71" s="2" t="s">
        <v>77</v>
      </c>
      <c r="I71" s="3">
        <v>2018</v>
      </c>
      <c r="J71" s="2" t="s">
        <v>190</v>
      </c>
      <c r="K71" s="2"/>
      <c r="L71" s="2" t="s">
        <v>222</v>
      </c>
    </row>
    <row r="72" spans="1:12" ht="15.2" customHeight="1">
      <c r="A72" s="2" t="s">
        <v>217</v>
      </c>
      <c r="B72" s="2" t="s">
        <v>67</v>
      </c>
      <c r="C72" s="2" t="s">
        <v>251</v>
      </c>
      <c r="D72" s="2" t="s">
        <v>252</v>
      </c>
      <c r="E72" s="2" t="s">
        <v>220</v>
      </c>
      <c r="F72" s="2" t="s">
        <v>253</v>
      </c>
      <c r="G72" s="3">
        <v>2</v>
      </c>
      <c r="H72" s="2" t="s">
        <v>77</v>
      </c>
      <c r="I72" s="3">
        <v>2018</v>
      </c>
      <c r="J72" s="2" t="s">
        <v>190</v>
      </c>
      <c r="K72" s="2"/>
      <c r="L72" s="2" t="s">
        <v>254</v>
      </c>
    </row>
    <row r="73" spans="1:12" ht="15.2" customHeight="1">
      <c r="A73" s="2" t="s">
        <v>217</v>
      </c>
      <c r="B73" s="2" t="s">
        <v>72</v>
      </c>
      <c r="C73" s="2" t="s">
        <v>255</v>
      </c>
      <c r="D73" s="2" t="s">
        <v>256</v>
      </c>
      <c r="E73" s="2" t="s">
        <v>220</v>
      </c>
      <c r="F73" s="2" t="s">
        <v>257</v>
      </c>
      <c r="G73" s="3">
        <v>3</v>
      </c>
      <c r="H73" s="2" t="s">
        <v>77</v>
      </c>
      <c r="I73" s="3">
        <v>2018</v>
      </c>
      <c r="J73" s="2" t="s">
        <v>190</v>
      </c>
      <c r="K73" s="2"/>
      <c r="L73" s="2" t="s">
        <v>258</v>
      </c>
    </row>
    <row r="74" spans="1:12" ht="15.2" customHeight="1">
      <c r="A74" s="2" t="s">
        <v>217</v>
      </c>
      <c r="B74" s="2" t="s">
        <v>79</v>
      </c>
      <c r="C74" s="2" t="s">
        <v>259</v>
      </c>
      <c r="D74" s="2" t="s">
        <v>260</v>
      </c>
      <c r="E74" s="2" t="s">
        <v>220</v>
      </c>
      <c r="F74" s="2" t="s">
        <v>261</v>
      </c>
      <c r="G74" s="3">
        <v>4</v>
      </c>
      <c r="H74" s="2" t="s">
        <v>77</v>
      </c>
      <c r="I74" s="3">
        <v>2018</v>
      </c>
      <c r="J74" s="2" t="s">
        <v>190</v>
      </c>
      <c r="K74" s="2"/>
      <c r="L74" s="2" t="s">
        <v>262</v>
      </c>
    </row>
    <row r="75" spans="1:12" ht="15.2" customHeight="1">
      <c r="A75" s="2" t="s">
        <v>217</v>
      </c>
      <c r="B75" s="2" t="s">
        <v>85</v>
      </c>
      <c r="C75" s="2" t="s">
        <v>263</v>
      </c>
      <c r="D75" s="2" t="s">
        <v>264</v>
      </c>
      <c r="E75" s="2" t="s">
        <v>265</v>
      </c>
      <c r="F75" s="2" t="s">
        <v>265</v>
      </c>
      <c r="G75" s="3">
        <v>1</v>
      </c>
      <c r="H75" s="2" t="s">
        <v>18</v>
      </c>
      <c r="I75" s="3">
        <v>2017</v>
      </c>
      <c r="J75" s="2" t="s">
        <v>266</v>
      </c>
      <c r="K75" s="2"/>
      <c r="L75" s="2" t="s">
        <v>267</v>
      </c>
    </row>
    <row r="76" spans="1:12" ht="15.2" customHeight="1">
      <c r="A76" s="2" t="s">
        <v>217</v>
      </c>
      <c r="B76" s="2" t="s">
        <v>90</v>
      </c>
      <c r="C76" s="2" t="s">
        <v>268</v>
      </c>
      <c r="D76" s="2" t="s">
        <v>269</v>
      </c>
      <c r="E76" s="2" t="s">
        <v>270</v>
      </c>
      <c r="F76" s="2" t="s">
        <v>271</v>
      </c>
      <c r="G76" s="3">
        <v>1</v>
      </c>
      <c r="H76" s="2" t="s">
        <v>18</v>
      </c>
      <c r="I76" s="3">
        <v>2018</v>
      </c>
      <c r="J76" s="2" t="s">
        <v>19</v>
      </c>
      <c r="K76" s="2"/>
      <c r="L76" s="2" t="s">
        <v>272</v>
      </c>
    </row>
    <row r="77" spans="1:12" ht="15.2" customHeight="1">
      <c r="A77" s="2" t="s">
        <v>217</v>
      </c>
      <c r="B77" s="2" t="s">
        <v>97</v>
      </c>
      <c r="C77" s="2" t="s">
        <v>273</v>
      </c>
      <c r="D77" s="2" t="s">
        <v>274</v>
      </c>
      <c r="E77" s="2" t="s">
        <v>270</v>
      </c>
      <c r="F77" s="2" t="s">
        <v>275</v>
      </c>
      <c r="G77" s="3">
        <v>10</v>
      </c>
      <c r="H77" s="2" t="s">
        <v>18</v>
      </c>
      <c r="I77" s="3">
        <v>2019</v>
      </c>
      <c r="J77" s="2" t="s">
        <v>19</v>
      </c>
      <c r="K77" s="2"/>
      <c r="L77" s="2" t="s">
        <v>276</v>
      </c>
    </row>
    <row r="78" spans="1:12" ht="15.2" customHeight="1">
      <c r="A78" s="2" t="s">
        <v>217</v>
      </c>
      <c r="B78" s="2" t="s">
        <v>102</v>
      </c>
      <c r="C78" s="2" t="s">
        <v>242</v>
      </c>
      <c r="D78" s="2" t="s">
        <v>243</v>
      </c>
      <c r="E78" s="2" t="s">
        <v>244</v>
      </c>
      <c r="F78" s="2" t="s">
        <v>245</v>
      </c>
      <c r="G78" s="3">
        <v>8</v>
      </c>
      <c r="H78" s="2" t="s">
        <v>95</v>
      </c>
      <c r="I78" s="3">
        <v>2019</v>
      </c>
      <c r="J78" s="2" t="s">
        <v>19</v>
      </c>
      <c r="K78" s="2"/>
      <c r="L78" s="2" t="s">
        <v>246</v>
      </c>
    </row>
    <row r="79" spans="1:12" ht="15.2" customHeight="1">
      <c r="A79" s="2" t="s">
        <v>217</v>
      </c>
      <c r="B79" s="2" t="s">
        <v>107</v>
      </c>
      <c r="C79" s="2" t="s">
        <v>247</v>
      </c>
      <c r="D79" s="2" t="s">
        <v>248</v>
      </c>
      <c r="E79" s="2" t="s">
        <v>244</v>
      </c>
      <c r="F79" s="2" t="s">
        <v>249</v>
      </c>
      <c r="G79" s="3">
        <v>7</v>
      </c>
      <c r="H79" s="2" t="s">
        <v>95</v>
      </c>
      <c r="I79" s="3">
        <v>2019</v>
      </c>
      <c r="J79" s="2" t="s">
        <v>19</v>
      </c>
      <c r="K79" s="2"/>
      <c r="L79" s="2" t="s">
        <v>250</v>
      </c>
    </row>
    <row r="80" spans="1:12" ht="15.2" customHeight="1">
      <c r="A80" s="2" t="s">
        <v>217</v>
      </c>
      <c r="B80" s="2" t="s">
        <v>112</v>
      </c>
      <c r="C80" s="2" t="s">
        <v>277</v>
      </c>
      <c r="D80" s="2" t="s">
        <v>278</v>
      </c>
      <c r="E80" s="2" t="s">
        <v>279</v>
      </c>
      <c r="F80" s="2" t="s">
        <v>280</v>
      </c>
      <c r="G80" s="3">
        <v>1</v>
      </c>
      <c r="H80" s="2" t="s">
        <v>281</v>
      </c>
      <c r="I80" s="3">
        <v>2014</v>
      </c>
      <c r="J80" s="2" t="s">
        <v>19</v>
      </c>
      <c r="K80" s="2"/>
      <c r="L80" s="2" t="s">
        <v>282</v>
      </c>
    </row>
    <row r="81" spans="1:12" ht="15.2" customHeight="1">
      <c r="A81" s="2" t="s">
        <v>217</v>
      </c>
      <c r="B81" s="2" t="s">
        <v>117</v>
      </c>
      <c r="C81" s="2" t="s">
        <v>283</v>
      </c>
      <c r="D81" s="2" t="s">
        <v>284</v>
      </c>
      <c r="E81" s="2" t="s">
        <v>279</v>
      </c>
      <c r="F81" s="2" t="s">
        <v>285</v>
      </c>
      <c r="G81" s="3">
        <v>2</v>
      </c>
      <c r="H81" s="2" t="s">
        <v>281</v>
      </c>
      <c r="I81" s="3">
        <v>2014</v>
      </c>
      <c r="J81" s="2" t="s">
        <v>19</v>
      </c>
      <c r="K81" s="2"/>
      <c r="L81" s="2" t="s">
        <v>286</v>
      </c>
    </row>
    <row r="82" spans="1:12" ht="15.2" customHeight="1">
      <c r="A82" s="2" t="s">
        <v>217</v>
      </c>
      <c r="B82" s="2" t="s">
        <v>121</v>
      </c>
      <c r="C82" s="2" t="s">
        <v>287</v>
      </c>
      <c r="D82" s="2" t="s">
        <v>288</v>
      </c>
      <c r="E82" s="2" t="s">
        <v>279</v>
      </c>
      <c r="F82" s="2" t="s">
        <v>289</v>
      </c>
      <c r="G82" s="3">
        <v>3</v>
      </c>
      <c r="H82" s="2" t="s">
        <v>281</v>
      </c>
      <c r="I82" s="3">
        <v>2014</v>
      </c>
      <c r="J82" s="2" t="s">
        <v>19</v>
      </c>
      <c r="K82" s="2"/>
      <c r="L82" s="2" t="s">
        <v>290</v>
      </c>
    </row>
    <row r="83" spans="1:12" ht="15.2" customHeight="1">
      <c r="A83" s="2" t="s">
        <v>217</v>
      </c>
      <c r="B83" s="2" t="s">
        <v>126</v>
      </c>
      <c r="C83" s="2"/>
      <c r="D83" s="2" t="s">
        <v>291</v>
      </c>
      <c r="E83" s="2" t="s">
        <v>133</v>
      </c>
      <c r="F83" s="2" t="s">
        <v>292</v>
      </c>
      <c r="G83" s="3">
        <v>9</v>
      </c>
      <c r="H83" s="2" t="s">
        <v>95</v>
      </c>
      <c r="I83" s="3">
        <v>2019</v>
      </c>
      <c r="J83" s="2" t="s">
        <v>19</v>
      </c>
      <c r="K83" s="2"/>
      <c r="L83" s="2" t="s">
        <v>293</v>
      </c>
    </row>
    <row r="84" spans="1:12" ht="15.2" customHeight="1">
      <c r="A84" s="2" t="s">
        <v>217</v>
      </c>
      <c r="B84" s="2" t="s">
        <v>130</v>
      </c>
      <c r="C84" s="2" t="s">
        <v>294</v>
      </c>
      <c r="D84" s="2" t="s">
        <v>295</v>
      </c>
      <c r="E84" s="2" t="s">
        <v>52</v>
      </c>
      <c r="F84" s="2" t="s">
        <v>296</v>
      </c>
      <c r="G84" s="3">
        <v>3</v>
      </c>
      <c r="H84" s="2" t="s">
        <v>281</v>
      </c>
      <c r="I84" s="3">
        <v>2008</v>
      </c>
      <c r="J84" s="2" t="s">
        <v>19</v>
      </c>
      <c r="K84" s="2"/>
      <c r="L84" s="2" t="s">
        <v>297</v>
      </c>
    </row>
    <row r="85" spans="1:12" ht="15.2" customHeight="1">
      <c r="A85" s="2" t="s">
        <v>217</v>
      </c>
      <c r="B85" s="2" t="s">
        <v>136</v>
      </c>
      <c r="C85" s="2" t="s">
        <v>298</v>
      </c>
      <c r="D85" s="2" t="s">
        <v>299</v>
      </c>
      <c r="E85" s="2" t="s">
        <v>52</v>
      </c>
      <c r="F85" s="2" t="s">
        <v>300</v>
      </c>
      <c r="G85" s="3">
        <v>2</v>
      </c>
      <c r="H85" s="2" t="s">
        <v>281</v>
      </c>
      <c r="I85" s="3">
        <v>2008</v>
      </c>
      <c r="J85" s="2" t="s">
        <v>19</v>
      </c>
      <c r="K85" s="2"/>
      <c r="L85" s="2" t="s">
        <v>301</v>
      </c>
    </row>
    <row r="86" spans="1:12" ht="15.2" customHeight="1">
      <c r="A86" s="2" t="s">
        <v>217</v>
      </c>
      <c r="B86" s="2" t="s">
        <v>141</v>
      </c>
      <c r="C86" s="2" t="s">
        <v>302</v>
      </c>
      <c r="D86" s="2" t="s">
        <v>303</v>
      </c>
      <c r="E86" s="2" t="s">
        <v>304</v>
      </c>
      <c r="F86" s="2" t="s">
        <v>305</v>
      </c>
      <c r="G86" s="3">
        <v>2</v>
      </c>
      <c r="H86" s="2" t="s">
        <v>18</v>
      </c>
      <c r="I86" s="3">
        <v>2018</v>
      </c>
      <c r="J86" s="2" t="s">
        <v>19</v>
      </c>
      <c r="K86" s="2"/>
      <c r="L86" s="2" t="s">
        <v>306</v>
      </c>
    </row>
    <row r="87" spans="1:12" ht="15.2" customHeight="1">
      <c r="A87" s="2" t="s">
        <v>217</v>
      </c>
      <c r="B87" s="2" t="s">
        <v>145</v>
      </c>
      <c r="C87" s="2" t="s">
        <v>255</v>
      </c>
      <c r="D87" s="2" t="s">
        <v>256</v>
      </c>
      <c r="E87" s="2" t="s">
        <v>220</v>
      </c>
      <c r="F87" s="2" t="s">
        <v>257</v>
      </c>
      <c r="G87" s="3">
        <v>3</v>
      </c>
      <c r="H87" s="2" t="s">
        <v>77</v>
      </c>
      <c r="I87" s="3">
        <v>2018</v>
      </c>
      <c r="J87" s="2" t="s">
        <v>190</v>
      </c>
      <c r="K87" s="2"/>
      <c r="L87" s="2" t="s">
        <v>258</v>
      </c>
    </row>
    <row r="88" spans="1:12" ht="15.2" customHeight="1">
      <c r="A88" s="2" t="s">
        <v>217</v>
      </c>
      <c r="B88" s="2" t="s">
        <v>150</v>
      </c>
      <c r="C88" s="2" t="s">
        <v>307</v>
      </c>
      <c r="D88" s="2" t="s">
        <v>308</v>
      </c>
      <c r="E88" s="2" t="s">
        <v>309</v>
      </c>
      <c r="F88" s="2" t="s">
        <v>310</v>
      </c>
      <c r="G88" s="3">
        <v>4</v>
      </c>
      <c r="H88" s="2" t="s">
        <v>95</v>
      </c>
      <c r="I88" s="3">
        <v>2011</v>
      </c>
      <c r="J88" s="2" t="s">
        <v>311</v>
      </c>
      <c r="K88" s="2"/>
      <c r="L88" s="2" t="s">
        <v>312</v>
      </c>
    </row>
    <row r="89" spans="1:12" ht="15.2" customHeight="1">
      <c r="A89" s="2" t="s">
        <v>217</v>
      </c>
      <c r="B89" s="2" t="s">
        <v>155</v>
      </c>
      <c r="C89" s="2" t="s">
        <v>313</v>
      </c>
      <c r="D89" s="2" t="s">
        <v>314</v>
      </c>
      <c r="E89" s="2" t="s">
        <v>315</v>
      </c>
      <c r="F89" s="2" t="s">
        <v>316</v>
      </c>
      <c r="G89" s="3">
        <v>7</v>
      </c>
      <c r="H89" s="2" t="s">
        <v>317</v>
      </c>
      <c r="I89" s="3">
        <v>2011</v>
      </c>
      <c r="J89" s="2" t="s">
        <v>88</v>
      </c>
      <c r="K89" s="2"/>
      <c r="L89" s="2" t="s">
        <v>318</v>
      </c>
    </row>
    <row r="90" spans="1:12" ht="15.2" customHeight="1">
      <c r="A90" s="2" t="s">
        <v>217</v>
      </c>
      <c r="B90" s="2" t="s">
        <v>162</v>
      </c>
      <c r="C90" s="2" t="s">
        <v>268</v>
      </c>
      <c r="D90" s="2" t="s">
        <v>269</v>
      </c>
      <c r="E90" s="2" t="s">
        <v>270</v>
      </c>
      <c r="F90" s="2" t="s">
        <v>271</v>
      </c>
      <c r="G90" s="3">
        <v>1</v>
      </c>
      <c r="H90" s="2" t="s">
        <v>18</v>
      </c>
      <c r="I90" s="3">
        <v>2018</v>
      </c>
      <c r="J90" s="2" t="s">
        <v>19</v>
      </c>
      <c r="K90" s="2"/>
      <c r="L90" s="2" t="s">
        <v>272</v>
      </c>
    </row>
    <row r="91" spans="1:12" ht="15.2" customHeight="1">
      <c r="A91" s="2" t="s">
        <v>217</v>
      </c>
      <c r="B91" s="2" t="s">
        <v>163</v>
      </c>
      <c r="C91" s="2" t="s">
        <v>273</v>
      </c>
      <c r="D91" s="2" t="s">
        <v>274</v>
      </c>
      <c r="E91" s="2" t="s">
        <v>270</v>
      </c>
      <c r="F91" s="2" t="s">
        <v>275</v>
      </c>
      <c r="G91" s="3">
        <v>10</v>
      </c>
      <c r="H91" s="2" t="s">
        <v>18</v>
      </c>
      <c r="I91" s="3">
        <v>2019</v>
      </c>
      <c r="J91" s="2" t="s">
        <v>19</v>
      </c>
      <c r="K91" s="2"/>
      <c r="L91" s="2" t="s">
        <v>276</v>
      </c>
    </row>
    <row r="92" spans="1:12" ht="15.2" customHeight="1">
      <c r="A92" s="2" t="s">
        <v>217</v>
      </c>
      <c r="B92" s="2" t="s">
        <v>164</v>
      </c>
      <c r="C92" s="2" t="s">
        <v>277</v>
      </c>
      <c r="D92" s="2" t="s">
        <v>278</v>
      </c>
      <c r="E92" s="2" t="s">
        <v>279</v>
      </c>
      <c r="F92" s="2" t="s">
        <v>280</v>
      </c>
      <c r="G92" s="3">
        <v>1</v>
      </c>
      <c r="H92" s="2" t="s">
        <v>281</v>
      </c>
      <c r="I92" s="3">
        <v>2014</v>
      </c>
      <c r="J92" s="2" t="s">
        <v>19</v>
      </c>
      <c r="K92" s="2"/>
      <c r="L92" s="2" t="s">
        <v>282</v>
      </c>
    </row>
    <row r="93" spans="1:12" ht="15.2" customHeight="1">
      <c r="A93" s="2" t="s">
        <v>319</v>
      </c>
      <c r="B93" s="2" t="s">
        <v>14</v>
      </c>
      <c r="C93" s="2" t="s">
        <v>218</v>
      </c>
      <c r="D93" s="2" t="s">
        <v>219</v>
      </c>
      <c r="E93" s="2" t="s">
        <v>220</v>
      </c>
      <c r="F93" s="2" t="s">
        <v>221</v>
      </c>
      <c r="G93" s="3">
        <v>1</v>
      </c>
      <c r="H93" s="2" t="s">
        <v>77</v>
      </c>
      <c r="I93" s="3">
        <v>2018</v>
      </c>
      <c r="J93" s="2" t="s">
        <v>190</v>
      </c>
      <c r="K93" s="2"/>
      <c r="L93" s="2" t="s">
        <v>222</v>
      </c>
    </row>
    <row r="94" spans="1:12" ht="15.2" customHeight="1">
      <c r="A94" s="2" t="s">
        <v>319</v>
      </c>
      <c r="B94" s="2" t="s">
        <v>21</v>
      </c>
      <c r="C94" s="2" t="s">
        <v>320</v>
      </c>
      <c r="D94" s="2" t="s">
        <v>321</v>
      </c>
      <c r="E94" s="2" t="s">
        <v>309</v>
      </c>
      <c r="F94" s="2" t="s">
        <v>322</v>
      </c>
      <c r="G94" s="3">
        <v>1</v>
      </c>
      <c r="H94" s="2" t="s">
        <v>77</v>
      </c>
      <c r="I94" s="3">
        <v>2011</v>
      </c>
      <c r="J94" s="2" t="s">
        <v>311</v>
      </c>
      <c r="K94" s="2"/>
      <c r="L94" s="2" t="s">
        <v>323</v>
      </c>
    </row>
    <row r="95" spans="1:12" ht="15.2" customHeight="1">
      <c r="A95" s="2" t="s">
        <v>319</v>
      </c>
      <c r="B95" s="2" t="s">
        <v>25</v>
      </c>
      <c r="C95" s="2" t="s">
        <v>26</v>
      </c>
      <c r="D95" s="2" t="s">
        <v>27</v>
      </c>
      <c r="E95" s="2" t="s">
        <v>28</v>
      </c>
      <c r="F95" s="2" t="s">
        <v>29</v>
      </c>
      <c r="G95" s="3">
        <v>4</v>
      </c>
      <c r="H95" s="2" t="s">
        <v>18</v>
      </c>
      <c r="I95" s="3">
        <v>2012</v>
      </c>
      <c r="J95" s="2" t="s">
        <v>30</v>
      </c>
      <c r="K95" s="2"/>
      <c r="L95" s="2" t="s">
        <v>31</v>
      </c>
    </row>
    <row r="96" spans="1:12" ht="15.2" customHeight="1">
      <c r="A96" s="2" t="s">
        <v>319</v>
      </c>
      <c r="B96" s="2" t="s">
        <v>32</v>
      </c>
      <c r="C96" s="2" t="s">
        <v>33</v>
      </c>
      <c r="D96" s="2" t="s">
        <v>34</v>
      </c>
      <c r="E96" s="2" t="s">
        <v>28</v>
      </c>
      <c r="F96" s="2" t="s">
        <v>35</v>
      </c>
      <c r="G96" s="3">
        <v>5</v>
      </c>
      <c r="H96" s="2" t="s">
        <v>18</v>
      </c>
      <c r="I96" s="3">
        <v>2012</v>
      </c>
      <c r="J96" s="2" t="s">
        <v>30</v>
      </c>
      <c r="K96" s="2"/>
      <c r="L96" s="2" t="s">
        <v>36</v>
      </c>
    </row>
    <row r="97" spans="1:12" ht="15.2" customHeight="1">
      <c r="A97" s="2" t="s">
        <v>319</v>
      </c>
      <c r="B97" s="2" t="s">
        <v>37</v>
      </c>
      <c r="C97" s="2" t="s">
        <v>38</v>
      </c>
      <c r="D97" s="2" t="s">
        <v>39</v>
      </c>
      <c r="E97" s="2" t="s">
        <v>28</v>
      </c>
      <c r="F97" s="2" t="s">
        <v>40</v>
      </c>
      <c r="G97" s="3">
        <v>6</v>
      </c>
      <c r="H97" s="2" t="s">
        <v>18</v>
      </c>
      <c r="I97" s="3">
        <v>2012</v>
      </c>
      <c r="J97" s="2" t="s">
        <v>30</v>
      </c>
      <c r="K97" s="2"/>
      <c r="L97" s="2" t="s">
        <v>41</v>
      </c>
    </row>
    <row r="98" spans="1:12" ht="15.2" customHeight="1">
      <c r="A98" s="2" t="s">
        <v>319</v>
      </c>
      <c r="B98" s="2" t="s">
        <v>42</v>
      </c>
      <c r="C98" s="2" t="s">
        <v>43</v>
      </c>
      <c r="D98" s="2" t="s">
        <v>44</v>
      </c>
      <c r="E98" s="2" t="s">
        <v>45</v>
      </c>
      <c r="F98" s="2" t="s">
        <v>46</v>
      </c>
      <c r="G98" s="3">
        <v>4</v>
      </c>
      <c r="H98" s="2" t="s">
        <v>18</v>
      </c>
      <c r="I98" s="3">
        <v>2016</v>
      </c>
      <c r="J98" s="2" t="s">
        <v>47</v>
      </c>
      <c r="K98" s="2"/>
      <c r="L98" s="2" t="s">
        <v>48</v>
      </c>
    </row>
    <row r="99" spans="1:12" ht="15.2" customHeight="1">
      <c r="A99" s="2" t="s">
        <v>319</v>
      </c>
      <c r="B99" s="2" t="s">
        <v>49</v>
      </c>
      <c r="C99" s="2" t="s">
        <v>324</v>
      </c>
      <c r="D99" s="2" t="s">
        <v>325</v>
      </c>
      <c r="E99" s="2" t="s">
        <v>244</v>
      </c>
      <c r="F99" s="2" t="s">
        <v>326</v>
      </c>
      <c r="G99" s="3">
        <v>9</v>
      </c>
      <c r="H99" s="2" t="s">
        <v>95</v>
      </c>
      <c r="I99" s="3">
        <v>2019</v>
      </c>
      <c r="J99" s="2" t="s">
        <v>19</v>
      </c>
      <c r="K99" s="2"/>
      <c r="L99" s="2" t="s">
        <v>327</v>
      </c>
    </row>
    <row r="100" spans="1:12" ht="15.2" customHeight="1">
      <c r="A100" s="2" t="s">
        <v>319</v>
      </c>
      <c r="B100" s="2" t="s">
        <v>55</v>
      </c>
      <c r="C100" s="2" t="s">
        <v>242</v>
      </c>
      <c r="D100" s="2" t="s">
        <v>243</v>
      </c>
      <c r="E100" s="2" t="s">
        <v>244</v>
      </c>
      <c r="F100" s="2" t="s">
        <v>245</v>
      </c>
      <c r="G100" s="3">
        <v>8</v>
      </c>
      <c r="H100" s="2" t="s">
        <v>95</v>
      </c>
      <c r="I100" s="3">
        <v>2019</v>
      </c>
      <c r="J100" s="2" t="s">
        <v>19</v>
      </c>
      <c r="K100" s="2"/>
      <c r="L100" s="2" t="s">
        <v>246</v>
      </c>
    </row>
    <row r="101" spans="1:12" ht="15.2" customHeight="1">
      <c r="A101" s="2" t="s">
        <v>319</v>
      </c>
      <c r="B101" s="2" t="s">
        <v>62</v>
      </c>
      <c r="C101" s="2" t="s">
        <v>328</v>
      </c>
      <c r="D101" s="2" t="s">
        <v>329</v>
      </c>
      <c r="E101" s="2" t="s">
        <v>330</v>
      </c>
      <c r="F101" s="2" t="s">
        <v>330</v>
      </c>
      <c r="G101" s="3">
        <v>1</v>
      </c>
      <c r="H101" s="2" t="s">
        <v>60</v>
      </c>
      <c r="I101" s="3">
        <v>2020</v>
      </c>
      <c r="J101" s="2" t="s">
        <v>19</v>
      </c>
      <c r="K101" s="2"/>
      <c r="L101" s="2" t="s">
        <v>331</v>
      </c>
    </row>
    <row r="102" spans="1:12" ht="15.2" customHeight="1">
      <c r="A102" s="2" t="s">
        <v>319</v>
      </c>
      <c r="B102" s="2" t="s">
        <v>67</v>
      </c>
      <c r="C102" s="2" t="s">
        <v>332</v>
      </c>
      <c r="D102" s="2" t="s">
        <v>333</v>
      </c>
      <c r="E102" s="2" t="s">
        <v>334</v>
      </c>
      <c r="F102" s="2" t="s">
        <v>334</v>
      </c>
      <c r="G102" s="3">
        <v>1</v>
      </c>
      <c r="H102" s="2" t="s">
        <v>77</v>
      </c>
      <c r="I102" s="3">
        <v>2019</v>
      </c>
      <c r="J102" s="2" t="s">
        <v>19</v>
      </c>
      <c r="K102" s="2"/>
      <c r="L102" s="2" t="s">
        <v>335</v>
      </c>
    </row>
    <row r="103" spans="1:12" ht="15.2" customHeight="1">
      <c r="A103" s="2" t="s">
        <v>319</v>
      </c>
      <c r="B103" s="2" t="s">
        <v>72</v>
      </c>
      <c r="C103" s="2" t="s">
        <v>336</v>
      </c>
      <c r="D103" s="2" t="s">
        <v>337</v>
      </c>
      <c r="E103" s="2" t="s">
        <v>338</v>
      </c>
      <c r="F103" s="2" t="s">
        <v>339</v>
      </c>
      <c r="G103" s="3">
        <v>2</v>
      </c>
      <c r="H103" s="2" t="s">
        <v>281</v>
      </c>
      <c r="I103" s="3">
        <v>2008</v>
      </c>
      <c r="J103" s="2" t="s">
        <v>19</v>
      </c>
      <c r="K103" s="2"/>
      <c r="L103" s="2" t="s">
        <v>340</v>
      </c>
    </row>
    <row r="104" spans="1:12" ht="15.2" customHeight="1">
      <c r="A104" s="2" t="s">
        <v>319</v>
      </c>
      <c r="B104" s="2" t="s">
        <v>79</v>
      </c>
      <c r="C104" s="2" t="s">
        <v>341</v>
      </c>
      <c r="D104" s="2" t="s">
        <v>342</v>
      </c>
      <c r="E104" s="2" t="s">
        <v>343</v>
      </c>
      <c r="F104" s="2" t="s">
        <v>344</v>
      </c>
      <c r="G104" s="3">
        <v>2</v>
      </c>
      <c r="H104" s="2" t="s">
        <v>77</v>
      </c>
      <c r="I104" s="3">
        <v>2013</v>
      </c>
      <c r="J104" s="2" t="s">
        <v>19</v>
      </c>
      <c r="K104" s="2"/>
      <c r="L104" s="2" t="s">
        <v>345</v>
      </c>
    </row>
    <row r="105" spans="1:12" ht="15.2" customHeight="1">
      <c r="A105" s="2" t="s">
        <v>319</v>
      </c>
      <c r="B105" s="2" t="s">
        <v>85</v>
      </c>
      <c r="C105" s="2" t="s">
        <v>346</v>
      </c>
      <c r="D105" s="2" t="s">
        <v>347</v>
      </c>
      <c r="E105" s="2" t="s">
        <v>348</v>
      </c>
      <c r="F105" s="2" t="s">
        <v>348</v>
      </c>
      <c r="G105" s="3">
        <v>1</v>
      </c>
      <c r="H105" s="2" t="s">
        <v>18</v>
      </c>
      <c r="I105" s="3">
        <v>2020</v>
      </c>
      <c r="J105" s="2" t="s">
        <v>266</v>
      </c>
      <c r="K105" s="2"/>
      <c r="L105" s="2" t="s">
        <v>349</v>
      </c>
    </row>
    <row r="106" spans="1:12" ht="15.2" customHeight="1">
      <c r="A106" s="2" t="s">
        <v>319</v>
      </c>
      <c r="B106" s="2" t="s">
        <v>90</v>
      </c>
      <c r="C106" s="2" t="s">
        <v>350</v>
      </c>
      <c r="D106" s="2" t="s">
        <v>351</v>
      </c>
      <c r="E106" s="2" t="s">
        <v>270</v>
      </c>
      <c r="F106" s="2" t="s">
        <v>352</v>
      </c>
      <c r="G106" s="3">
        <v>2</v>
      </c>
      <c r="H106" s="2" t="s">
        <v>18</v>
      </c>
      <c r="I106" s="3">
        <v>2018</v>
      </c>
      <c r="J106" s="2" t="s">
        <v>19</v>
      </c>
      <c r="K106" s="2"/>
      <c r="L106" s="2" t="s">
        <v>353</v>
      </c>
    </row>
    <row r="107" spans="1:12" ht="15.2" customHeight="1">
      <c r="A107" s="2" t="s">
        <v>319</v>
      </c>
      <c r="B107" s="2" t="s">
        <v>97</v>
      </c>
      <c r="C107" s="2" t="s">
        <v>268</v>
      </c>
      <c r="D107" s="2" t="s">
        <v>269</v>
      </c>
      <c r="E107" s="2" t="s">
        <v>270</v>
      </c>
      <c r="F107" s="2" t="s">
        <v>271</v>
      </c>
      <c r="G107" s="3">
        <v>1</v>
      </c>
      <c r="H107" s="2" t="s">
        <v>18</v>
      </c>
      <c r="I107" s="3">
        <v>2018</v>
      </c>
      <c r="J107" s="2" t="s">
        <v>19</v>
      </c>
      <c r="K107" s="2"/>
      <c r="L107" s="2" t="s">
        <v>272</v>
      </c>
    </row>
    <row r="108" spans="1:12" ht="15.2" customHeight="1">
      <c r="A108" s="2" t="s">
        <v>319</v>
      </c>
      <c r="B108" s="2" t="s">
        <v>102</v>
      </c>
      <c r="C108" s="2" t="s">
        <v>324</v>
      </c>
      <c r="D108" s="2" t="s">
        <v>325</v>
      </c>
      <c r="E108" s="2" t="s">
        <v>244</v>
      </c>
      <c r="F108" s="2" t="s">
        <v>326</v>
      </c>
      <c r="G108" s="3">
        <v>9</v>
      </c>
      <c r="H108" s="2" t="s">
        <v>95</v>
      </c>
      <c r="I108" s="3">
        <v>2019</v>
      </c>
      <c r="J108" s="2" t="s">
        <v>19</v>
      </c>
      <c r="K108" s="2"/>
      <c r="L108" s="2" t="s">
        <v>327</v>
      </c>
    </row>
    <row r="109" spans="1:12" ht="15.2" customHeight="1">
      <c r="A109" s="2" t="s">
        <v>319</v>
      </c>
      <c r="B109" s="2" t="s">
        <v>107</v>
      </c>
      <c r="C109" s="2" t="s">
        <v>242</v>
      </c>
      <c r="D109" s="2" t="s">
        <v>243</v>
      </c>
      <c r="E109" s="2" t="s">
        <v>244</v>
      </c>
      <c r="F109" s="2" t="s">
        <v>245</v>
      </c>
      <c r="G109" s="3">
        <v>8</v>
      </c>
      <c r="H109" s="2" t="s">
        <v>95</v>
      </c>
      <c r="I109" s="3">
        <v>2019</v>
      </c>
      <c r="J109" s="2" t="s">
        <v>19</v>
      </c>
      <c r="K109" s="2"/>
      <c r="L109" s="2" t="s">
        <v>246</v>
      </c>
    </row>
    <row r="110" spans="1:12" ht="15.2" customHeight="1">
      <c r="A110" s="2" t="s">
        <v>319</v>
      </c>
      <c r="B110" s="2" t="s">
        <v>112</v>
      </c>
      <c r="C110" s="2" t="s">
        <v>354</v>
      </c>
      <c r="D110" s="2" t="s">
        <v>355</v>
      </c>
      <c r="E110" s="2" t="s">
        <v>28</v>
      </c>
      <c r="F110" s="2" t="s">
        <v>356</v>
      </c>
      <c r="G110" s="3">
        <v>7</v>
      </c>
      <c r="H110" s="2" t="s">
        <v>18</v>
      </c>
      <c r="I110" s="3">
        <v>2012</v>
      </c>
      <c r="J110" s="2" t="s">
        <v>30</v>
      </c>
      <c r="K110" s="2"/>
      <c r="L110" s="2" t="s">
        <v>357</v>
      </c>
    </row>
    <row r="111" spans="1:12" ht="15.2" customHeight="1">
      <c r="A111" s="2" t="s">
        <v>319</v>
      </c>
      <c r="B111" s="2" t="s">
        <v>117</v>
      </c>
      <c r="C111" s="2" t="s">
        <v>358</v>
      </c>
      <c r="D111" s="2" t="s">
        <v>359</v>
      </c>
      <c r="E111" s="2" t="s">
        <v>28</v>
      </c>
      <c r="F111" s="2" t="s">
        <v>360</v>
      </c>
      <c r="G111" s="3">
        <v>8</v>
      </c>
      <c r="H111" s="2" t="s">
        <v>18</v>
      </c>
      <c r="I111" s="3">
        <v>2012</v>
      </c>
      <c r="J111" s="2" t="s">
        <v>30</v>
      </c>
      <c r="K111" s="2"/>
      <c r="L111" s="2" t="s">
        <v>361</v>
      </c>
    </row>
    <row r="112" spans="1:12" ht="15.2" customHeight="1">
      <c r="A112" s="2" t="s">
        <v>319</v>
      </c>
      <c r="B112" s="2" t="s">
        <v>121</v>
      </c>
      <c r="C112" s="2" t="s">
        <v>362</v>
      </c>
      <c r="D112" s="2" t="s">
        <v>363</v>
      </c>
      <c r="E112" s="2" t="s">
        <v>28</v>
      </c>
      <c r="F112" s="2" t="s">
        <v>364</v>
      </c>
      <c r="G112" s="3">
        <v>9</v>
      </c>
      <c r="H112" s="2" t="s">
        <v>18</v>
      </c>
      <c r="I112" s="3">
        <v>2012</v>
      </c>
      <c r="J112" s="2" t="s">
        <v>30</v>
      </c>
      <c r="K112" s="2"/>
      <c r="L112" s="2" t="s">
        <v>365</v>
      </c>
    </row>
    <row r="113" spans="1:12" ht="15.2" customHeight="1">
      <c r="A113" s="2" t="s">
        <v>319</v>
      </c>
      <c r="B113" s="2" t="s">
        <v>126</v>
      </c>
      <c r="C113" s="2" t="s">
        <v>366</v>
      </c>
      <c r="D113" s="2" t="s">
        <v>367</v>
      </c>
      <c r="E113" s="2" t="s">
        <v>45</v>
      </c>
      <c r="F113" s="2" t="s">
        <v>368</v>
      </c>
      <c r="G113" s="3">
        <v>5</v>
      </c>
      <c r="H113" s="2" t="s">
        <v>18</v>
      </c>
      <c r="I113" s="3">
        <v>2016</v>
      </c>
      <c r="J113" s="2" t="s">
        <v>47</v>
      </c>
      <c r="K113" s="2"/>
      <c r="L113" s="2" t="s">
        <v>369</v>
      </c>
    </row>
    <row r="114" spans="1:12" ht="15.2" customHeight="1">
      <c r="A114" s="2" t="s">
        <v>319</v>
      </c>
      <c r="B114" s="2" t="s">
        <v>130</v>
      </c>
      <c r="C114" s="2" t="s">
        <v>370</v>
      </c>
      <c r="D114" s="2" t="s">
        <v>371</v>
      </c>
      <c r="E114" s="2" t="s">
        <v>45</v>
      </c>
      <c r="F114" s="2" t="s">
        <v>372</v>
      </c>
      <c r="G114" s="3">
        <v>1</v>
      </c>
      <c r="H114" s="2" t="s">
        <v>60</v>
      </c>
      <c r="I114" s="3">
        <v>2015</v>
      </c>
      <c r="J114" s="2" t="s">
        <v>47</v>
      </c>
      <c r="K114" s="2"/>
      <c r="L114" s="2" t="s">
        <v>373</v>
      </c>
    </row>
    <row r="115" spans="1:12" ht="15.2" customHeight="1">
      <c r="A115" s="2" t="s">
        <v>319</v>
      </c>
      <c r="B115" s="2" t="s">
        <v>136</v>
      </c>
      <c r="C115" s="2" t="s">
        <v>294</v>
      </c>
      <c r="D115" s="2" t="s">
        <v>295</v>
      </c>
      <c r="E115" s="2" t="s">
        <v>52</v>
      </c>
      <c r="F115" s="2" t="s">
        <v>296</v>
      </c>
      <c r="G115" s="3">
        <v>3</v>
      </c>
      <c r="H115" s="2" t="s">
        <v>281</v>
      </c>
      <c r="I115" s="3">
        <v>2008</v>
      </c>
      <c r="J115" s="2" t="s">
        <v>19</v>
      </c>
      <c r="K115" s="2"/>
      <c r="L115" s="2" t="s">
        <v>297</v>
      </c>
    </row>
    <row r="116" spans="1:12" ht="15.2" customHeight="1">
      <c r="A116" s="2" t="s">
        <v>319</v>
      </c>
      <c r="B116" s="2" t="s">
        <v>141</v>
      </c>
      <c r="C116" s="2" t="s">
        <v>374</v>
      </c>
      <c r="D116" s="2" t="s">
        <v>375</v>
      </c>
      <c r="E116" s="2" t="s">
        <v>304</v>
      </c>
      <c r="F116" s="2" t="s">
        <v>376</v>
      </c>
      <c r="G116" s="3">
        <v>3</v>
      </c>
      <c r="H116" s="2" t="s">
        <v>18</v>
      </c>
      <c r="I116" s="3">
        <v>2018</v>
      </c>
      <c r="J116" s="2" t="s">
        <v>19</v>
      </c>
      <c r="K116" s="2"/>
      <c r="L116" s="2" t="s">
        <v>377</v>
      </c>
    </row>
    <row r="117" spans="1:12" ht="15.2" customHeight="1">
      <c r="A117" s="2" t="s">
        <v>319</v>
      </c>
      <c r="B117" s="2" t="s">
        <v>145</v>
      </c>
      <c r="C117" s="2" t="s">
        <v>218</v>
      </c>
      <c r="D117" s="2" t="s">
        <v>219</v>
      </c>
      <c r="E117" s="2" t="s">
        <v>220</v>
      </c>
      <c r="F117" s="2" t="s">
        <v>221</v>
      </c>
      <c r="G117" s="3">
        <v>1</v>
      </c>
      <c r="H117" s="2" t="s">
        <v>77</v>
      </c>
      <c r="I117" s="3">
        <v>2018</v>
      </c>
      <c r="J117" s="2" t="s">
        <v>190</v>
      </c>
      <c r="K117" s="2"/>
      <c r="L117" s="2" t="s">
        <v>222</v>
      </c>
    </row>
    <row r="118" spans="1:12" ht="15.2" customHeight="1">
      <c r="A118" s="2" t="s">
        <v>319</v>
      </c>
      <c r="B118" s="2" t="s">
        <v>150</v>
      </c>
      <c r="C118" s="2" t="s">
        <v>255</v>
      </c>
      <c r="D118" s="2" t="s">
        <v>256</v>
      </c>
      <c r="E118" s="2" t="s">
        <v>220</v>
      </c>
      <c r="F118" s="2" t="s">
        <v>257</v>
      </c>
      <c r="G118" s="3">
        <v>3</v>
      </c>
      <c r="H118" s="2" t="s">
        <v>378</v>
      </c>
      <c r="I118" s="3">
        <v>2018</v>
      </c>
      <c r="J118" s="2" t="s">
        <v>190</v>
      </c>
      <c r="K118" s="2"/>
      <c r="L118" s="2" t="s">
        <v>258</v>
      </c>
    </row>
    <row r="119" spans="1:12" ht="15.2" customHeight="1">
      <c r="A119" s="2" t="s">
        <v>319</v>
      </c>
      <c r="B119" s="2" t="s">
        <v>155</v>
      </c>
      <c r="C119" s="2" t="s">
        <v>379</v>
      </c>
      <c r="D119" s="2" t="s">
        <v>380</v>
      </c>
      <c r="E119" s="2" t="s">
        <v>315</v>
      </c>
      <c r="F119" s="2" t="s">
        <v>381</v>
      </c>
      <c r="G119" s="3">
        <v>8</v>
      </c>
      <c r="H119" s="2" t="s">
        <v>317</v>
      </c>
      <c r="I119" s="3">
        <v>2011</v>
      </c>
      <c r="J119" s="2" t="s">
        <v>88</v>
      </c>
      <c r="K119" s="2"/>
      <c r="L119" s="2" t="s">
        <v>382</v>
      </c>
    </row>
    <row r="120" spans="1:12" ht="15.2" customHeight="1">
      <c r="A120" s="2" t="s">
        <v>319</v>
      </c>
      <c r="B120" s="2" t="s">
        <v>162</v>
      </c>
      <c r="C120" s="2" t="s">
        <v>350</v>
      </c>
      <c r="D120" s="2" t="s">
        <v>351</v>
      </c>
      <c r="E120" s="2" t="s">
        <v>270</v>
      </c>
      <c r="F120" s="2" t="s">
        <v>352</v>
      </c>
      <c r="G120" s="3">
        <v>2</v>
      </c>
      <c r="H120" s="2" t="s">
        <v>18</v>
      </c>
      <c r="I120" s="3">
        <v>2018</v>
      </c>
      <c r="J120" s="2" t="s">
        <v>19</v>
      </c>
      <c r="K120" s="2"/>
      <c r="L120" s="2" t="s">
        <v>353</v>
      </c>
    </row>
    <row r="121" spans="1:12" ht="15.2" customHeight="1">
      <c r="A121" s="2" t="s">
        <v>319</v>
      </c>
      <c r="B121" s="2" t="s">
        <v>383</v>
      </c>
      <c r="C121" s="2" t="s">
        <v>268</v>
      </c>
      <c r="D121" s="2" t="s">
        <v>269</v>
      </c>
      <c r="E121" s="2" t="s">
        <v>270</v>
      </c>
      <c r="F121" s="2" t="s">
        <v>271</v>
      </c>
      <c r="G121" s="3">
        <v>1</v>
      </c>
      <c r="H121" s="2" t="s">
        <v>18</v>
      </c>
      <c r="I121" s="3">
        <v>2018</v>
      </c>
      <c r="J121" s="2" t="s">
        <v>19</v>
      </c>
      <c r="K121" s="2"/>
      <c r="L121" s="2" t="s">
        <v>272</v>
      </c>
    </row>
    <row r="122" spans="1:12" ht="15.2" customHeight="1">
      <c r="A122" s="2" t="s">
        <v>319</v>
      </c>
      <c r="B122" s="2" t="s">
        <v>164</v>
      </c>
      <c r="C122" s="2" t="s">
        <v>354</v>
      </c>
      <c r="D122" s="2" t="s">
        <v>355</v>
      </c>
      <c r="E122" s="2" t="s">
        <v>28</v>
      </c>
      <c r="F122" s="2" t="s">
        <v>356</v>
      </c>
      <c r="G122" s="3">
        <v>7</v>
      </c>
      <c r="H122" s="2" t="s">
        <v>18</v>
      </c>
      <c r="I122" s="3">
        <v>2012</v>
      </c>
      <c r="J122" s="2" t="s">
        <v>30</v>
      </c>
      <c r="K122" s="2"/>
      <c r="L122" s="2" t="s">
        <v>357</v>
      </c>
    </row>
    <row r="123" spans="1:12" ht="15.2" customHeight="1">
      <c r="A123" s="2" t="s">
        <v>384</v>
      </c>
      <c r="B123" s="2" t="s">
        <v>14</v>
      </c>
      <c r="C123" s="2" t="s">
        <v>251</v>
      </c>
      <c r="D123" s="2" t="s">
        <v>252</v>
      </c>
      <c r="E123" s="2" t="s">
        <v>220</v>
      </c>
      <c r="F123" s="2" t="s">
        <v>253</v>
      </c>
      <c r="G123" s="3">
        <v>2</v>
      </c>
      <c r="H123" s="2" t="s">
        <v>77</v>
      </c>
      <c r="I123" s="3">
        <v>2018</v>
      </c>
      <c r="J123" s="2" t="s">
        <v>190</v>
      </c>
      <c r="K123" s="2"/>
      <c r="L123" s="2" t="s">
        <v>254</v>
      </c>
    </row>
    <row r="124" spans="1:12" ht="15.2" customHeight="1">
      <c r="A124" s="2" t="s">
        <v>384</v>
      </c>
      <c r="B124" s="2" t="s">
        <v>21</v>
      </c>
      <c r="C124" s="2" t="s">
        <v>385</v>
      </c>
      <c r="D124" s="2" t="s">
        <v>386</v>
      </c>
      <c r="E124" s="2" t="s">
        <v>309</v>
      </c>
      <c r="F124" s="2" t="s">
        <v>387</v>
      </c>
      <c r="G124" s="3">
        <v>2</v>
      </c>
      <c r="H124" s="2" t="s">
        <v>77</v>
      </c>
      <c r="I124" s="3">
        <v>2011</v>
      </c>
      <c r="J124" s="2" t="s">
        <v>311</v>
      </c>
      <c r="K124" s="2"/>
      <c r="L124" s="2" t="s">
        <v>388</v>
      </c>
    </row>
    <row r="125" spans="1:12" ht="15.2" customHeight="1">
      <c r="A125" s="2" t="s">
        <v>384</v>
      </c>
      <c r="B125" s="2" t="s">
        <v>25</v>
      </c>
      <c r="C125" s="2" t="s">
        <v>73</v>
      </c>
      <c r="D125" s="2" t="s">
        <v>74</v>
      </c>
      <c r="E125" s="2" t="s">
        <v>75</v>
      </c>
      <c r="F125" s="2" t="s">
        <v>76</v>
      </c>
      <c r="G125" s="3">
        <v>1</v>
      </c>
      <c r="H125" s="2" t="s">
        <v>77</v>
      </c>
      <c r="I125" s="3">
        <v>2014</v>
      </c>
      <c r="J125" s="2" t="s">
        <v>19</v>
      </c>
      <c r="K125" s="2"/>
      <c r="L125" s="2" t="s">
        <v>78</v>
      </c>
    </row>
    <row r="126" spans="1:12" ht="15.2" customHeight="1">
      <c r="A126" s="2" t="s">
        <v>384</v>
      </c>
      <c r="B126" s="2" t="s">
        <v>32</v>
      </c>
      <c r="C126" s="2" t="s">
        <v>80</v>
      </c>
      <c r="D126" s="2" t="s">
        <v>81</v>
      </c>
      <c r="E126" s="2" t="s">
        <v>82</v>
      </c>
      <c r="F126" s="2" t="s">
        <v>83</v>
      </c>
      <c r="G126" s="3">
        <v>1</v>
      </c>
      <c r="H126" s="2" t="s">
        <v>18</v>
      </c>
      <c r="I126" s="3">
        <v>2018</v>
      </c>
      <c r="J126" s="2" t="s">
        <v>19</v>
      </c>
      <c r="K126" s="2"/>
      <c r="L126" s="2" t="s">
        <v>84</v>
      </c>
    </row>
    <row r="127" spans="1:12" ht="15.2" customHeight="1">
      <c r="A127" s="2" t="s">
        <v>384</v>
      </c>
      <c r="B127" s="2" t="s">
        <v>37</v>
      </c>
      <c r="C127" s="2" t="s">
        <v>86</v>
      </c>
      <c r="D127" s="2" t="s">
        <v>87</v>
      </c>
      <c r="E127" s="2" t="s">
        <v>87</v>
      </c>
      <c r="F127" s="2" t="s">
        <v>87</v>
      </c>
      <c r="G127" s="3">
        <v>1</v>
      </c>
      <c r="H127" s="2" t="s">
        <v>60</v>
      </c>
      <c r="I127" s="3">
        <v>2016</v>
      </c>
      <c r="J127" s="2" t="s">
        <v>88</v>
      </c>
      <c r="K127" s="2"/>
      <c r="L127" s="2" t="s">
        <v>89</v>
      </c>
    </row>
    <row r="128" spans="1:12" ht="15.2" customHeight="1">
      <c r="A128" s="2" t="s">
        <v>384</v>
      </c>
      <c r="B128" s="2" t="s">
        <v>42</v>
      </c>
      <c r="C128" s="2" t="s">
        <v>389</v>
      </c>
      <c r="D128" s="2" t="s">
        <v>210</v>
      </c>
      <c r="E128" s="2" t="s">
        <v>188</v>
      </c>
      <c r="F128" s="2" t="s">
        <v>211</v>
      </c>
      <c r="G128" s="3">
        <v>6</v>
      </c>
      <c r="H128" s="2" t="s">
        <v>18</v>
      </c>
      <c r="I128" s="3">
        <v>2019</v>
      </c>
      <c r="J128" s="2" t="s">
        <v>190</v>
      </c>
      <c r="K128" s="2"/>
      <c r="L128" s="2" t="s">
        <v>212</v>
      </c>
    </row>
    <row r="129" spans="1:12" ht="15.2" customHeight="1">
      <c r="A129" s="2" t="s">
        <v>384</v>
      </c>
      <c r="B129" s="2" t="s">
        <v>49</v>
      </c>
      <c r="C129" s="2" t="s">
        <v>390</v>
      </c>
      <c r="D129" s="2" t="s">
        <v>391</v>
      </c>
      <c r="E129" s="2" t="s">
        <v>244</v>
      </c>
      <c r="F129" s="2" t="s">
        <v>392</v>
      </c>
      <c r="G129" s="3">
        <v>10</v>
      </c>
      <c r="H129" s="2" t="s">
        <v>95</v>
      </c>
      <c r="I129" s="3">
        <v>2019</v>
      </c>
      <c r="J129" s="2" t="s">
        <v>19</v>
      </c>
      <c r="K129" s="2"/>
      <c r="L129" s="2" t="s">
        <v>393</v>
      </c>
    </row>
    <row r="130" spans="1:12" ht="15.2" customHeight="1">
      <c r="A130" s="2" t="s">
        <v>384</v>
      </c>
      <c r="B130" s="2" t="s">
        <v>55</v>
      </c>
      <c r="C130" s="2" t="s">
        <v>324</v>
      </c>
      <c r="D130" s="2" t="s">
        <v>325</v>
      </c>
      <c r="E130" s="2" t="s">
        <v>244</v>
      </c>
      <c r="F130" s="2" t="s">
        <v>326</v>
      </c>
      <c r="G130" s="3">
        <v>9</v>
      </c>
      <c r="H130" s="2" t="s">
        <v>95</v>
      </c>
      <c r="I130" s="3">
        <v>2019</v>
      </c>
      <c r="J130" s="2" t="s">
        <v>19</v>
      </c>
      <c r="K130" s="2"/>
      <c r="L130" s="2" t="s">
        <v>327</v>
      </c>
    </row>
    <row r="131" spans="1:12" ht="15.2" customHeight="1">
      <c r="A131" s="2" t="s">
        <v>384</v>
      </c>
      <c r="B131" s="2" t="s">
        <v>62</v>
      </c>
      <c r="C131" s="2" t="s">
        <v>394</v>
      </c>
      <c r="D131" s="2" t="s">
        <v>395</v>
      </c>
      <c r="E131" s="2" t="s">
        <v>244</v>
      </c>
      <c r="F131" s="2" t="s">
        <v>396</v>
      </c>
      <c r="G131" s="3">
        <v>1</v>
      </c>
      <c r="H131" s="2" t="s">
        <v>95</v>
      </c>
      <c r="I131" s="3">
        <v>2018</v>
      </c>
      <c r="J131" s="2" t="s">
        <v>19</v>
      </c>
      <c r="K131" s="2"/>
      <c r="L131" s="2" t="s">
        <v>397</v>
      </c>
    </row>
    <row r="132" spans="1:12" ht="15.2" customHeight="1">
      <c r="A132" s="2" t="s">
        <v>384</v>
      </c>
      <c r="B132" s="2" t="s">
        <v>67</v>
      </c>
      <c r="C132" s="2" t="s">
        <v>398</v>
      </c>
      <c r="D132" s="2" t="s">
        <v>399</v>
      </c>
      <c r="E132" s="2" t="s">
        <v>244</v>
      </c>
      <c r="F132" s="2" t="s">
        <v>400</v>
      </c>
      <c r="G132" s="3">
        <v>2</v>
      </c>
      <c r="H132" s="2" t="s">
        <v>95</v>
      </c>
      <c r="I132" s="3">
        <v>2018</v>
      </c>
      <c r="J132" s="2" t="s">
        <v>19</v>
      </c>
      <c r="K132" s="2"/>
      <c r="L132" s="2" t="s">
        <v>401</v>
      </c>
    </row>
    <row r="133" spans="1:12" ht="15.2" customHeight="1">
      <c r="A133" s="2" t="s">
        <v>384</v>
      </c>
      <c r="B133" s="2" t="s">
        <v>72</v>
      </c>
      <c r="C133" s="2" t="s">
        <v>402</v>
      </c>
      <c r="D133" s="2" t="s">
        <v>403</v>
      </c>
      <c r="E133" s="2" t="s">
        <v>244</v>
      </c>
      <c r="F133" s="2" t="s">
        <v>404</v>
      </c>
      <c r="G133" s="3">
        <v>3</v>
      </c>
      <c r="H133" s="2" t="s">
        <v>95</v>
      </c>
      <c r="I133" s="3">
        <v>2018</v>
      </c>
      <c r="J133" s="2" t="s">
        <v>19</v>
      </c>
      <c r="K133" s="2"/>
      <c r="L133" s="2" t="s">
        <v>405</v>
      </c>
    </row>
    <row r="134" spans="1:12" ht="15.2" customHeight="1">
      <c r="A134" s="2" t="s">
        <v>384</v>
      </c>
      <c r="B134" s="2" t="s">
        <v>79</v>
      </c>
      <c r="C134" s="2" t="s">
        <v>406</v>
      </c>
      <c r="D134" s="2" t="s">
        <v>407</v>
      </c>
      <c r="E134" s="2" t="s">
        <v>408</v>
      </c>
      <c r="F134" s="2" t="s">
        <v>409</v>
      </c>
      <c r="G134" s="3">
        <v>5</v>
      </c>
      <c r="H134" s="2" t="s">
        <v>95</v>
      </c>
      <c r="I134" s="3">
        <v>2017</v>
      </c>
      <c r="J134" s="2" t="s">
        <v>19</v>
      </c>
      <c r="K134" s="2"/>
      <c r="L134" s="2" t="s">
        <v>410</v>
      </c>
    </row>
    <row r="135" spans="1:12" ht="15.2" customHeight="1">
      <c r="A135" s="2" t="s">
        <v>384</v>
      </c>
      <c r="B135" s="2" t="s">
        <v>85</v>
      </c>
      <c r="C135" s="2" t="s">
        <v>411</v>
      </c>
      <c r="D135" s="2" t="s">
        <v>412</v>
      </c>
      <c r="E135" s="2" t="s">
        <v>408</v>
      </c>
      <c r="F135" s="2" t="s">
        <v>413</v>
      </c>
      <c r="G135" s="3">
        <v>6</v>
      </c>
      <c r="H135" s="2" t="s">
        <v>95</v>
      </c>
      <c r="I135" s="3">
        <v>2017</v>
      </c>
      <c r="J135" s="2" t="s">
        <v>19</v>
      </c>
      <c r="K135" s="2"/>
      <c r="L135" s="2" t="s">
        <v>414</v>
      </c>
    </row>
    <row r="136" spans="1:12" ht="15.2" customHeight="1">
      <c r="A136" s="2" t="s">
        <v>384</v>
      </c>
      <c r="B136" s="2" t="s">
        <v>90</v>
      </c>
      <c r="C136" s="2" t="s">
        <v>415</v>
      </c>
      <c r="D136" s="2" t="s">
        <v>416</v>
      </c>
      <c r="E136" s="2" t="s">
        <v>270</v>
      </c>
      <c r="F136" s="2" t="s">
        <v>417</v>
      </c>
      <c r="G136" s="3">
        <v>3</v>
      </c>
      <c r="H136" s="2" t="s">
        <v>18</v>
      </c>
      <c r="I136" s="3">
        <v>2018</v>
      </c>
      <c r="J136" s="2" t="s">
        <v>19</v>
      </c>
      <c r="K136" s="2"/>
      <c r="L136" s="2" t="s">
        <v>418</v>
      </c>
    </row>
    <row r="137" spans="1:12" ht="15.2" customHeight="1">
      <c r="A137" s="2" t="s">
        <v>384</v>
      </c>
      <c r="B137" s="2" t="s">
        <v>97</v>
      </c>
      <c r="C137" s="2" t="s">
        <v>350</v>
      </c>
      <c r="D137" s="2" t="s">
        <v>351</v>
      </c>
      <c r="E137" s="2" t="s">
        <v>270</v>
      </c>
      <c r="F137" s="2" t="s">
        <v>352</v>
      </c>
      <c r="G137" s="3">
        <v>2</v>
      </c>
      <c r="H137" s="2" t="s">
        <v>18</v>
      </c>
      <c r="I137" s="3">
        <v>2018</v>
      </c>
      <c r="J137" s="2" t="s">
        <v>19</v>
      </c>
      <c r="K137" s="2"/>
      <c r="L137" s="2" t="s">
        <v>353</v>
      </c>
    </row>
    <row r="138" spans="1:12" ht="15.2" customHeight="1">
      <c r="A138" s="2" t="s">
        <v>384</v>
      </c>
      <c r="B138" s="2" t="s">
        <v>102</v>
      </c>
      <c r="C138" s="2" t="s">
        <v>390</v>
      </c>
      <c r="D138" s="2" t="s">
        <v>391</v>
      </c>
      <c r="E138" s="2" t="s">
        <v>244</v>
      </c>
      <c r="F138" s="2" t="s">
        <v>392</v>
      </c>
      <c r="G138" s="3">
        <v>10</v>
      </c>
      <c r="H138" s="2" t="s">
        <v>95</v>
      </c>
      <c r="I138" s="3">
        <v>2019</v>
      </c>
      <c r="J138" s="2" t="s">
        <v>19</v>
      </c>
      <c r="K138" s="2"/>
      <c r="L138" s="2" t="s">
        <v>393</v>
      </c>
    </row>
    <row r="139" spans="1:12" ht="15.2" customHeight="1">
      <c r="A139" s="2" t="s">
        <v>384</v>
      </c>
      <c r="B139" s="2" t="s">
        <v>107</v>
      </c>
      <c r="C139" s="2" t="s">
        <v>324</v>
      </c>
      <c r="D139" s="2" t="s">
        <v>325</v>
      </c>
      <c r="E139" s="2" t="s">
        <v>244</v>
      </c>
      <c r="F139" s="2" t="s">
        <v>326</v>
      </c>
      <c r="G139" s="3">
        <v>9</v>
      </c>
      <c r="H139" s="2" t="s">
        <v>95</v>
      </c>
      <c r="I139" s="3">
        <v>2019</v>
      </c>
      <c r="J139" s="2" t="s">
        <v>19</v>
      </c>
      <c r="K139" s="2"/>
      <c r="L139" s="2" t="s">
        <v>327</v>
      </c>
    </row>
    <row r="140" spans="1:12" ht="15.2" customHeight="1">
      <c r="A140" s="2" t="s">
        <v>384</v>
      </c>
      <c r="B140" s="2" t="s">
        <v>112</v>
      </c>
      <c r="C140" s="2"/>
      <c r="D140" s="2" t="s">
        <v>419</v>
      </c>
      <c r="E140" s="2" t="s">
        <v>420</v>
      </c>
      <c r="F140" s="2" t="s">
        <v>421</v>
      </c>
      <c r="G140" s="3">
        <v>1</v>
      </c>
      <c r="H140" s="2" t="s">
        <v>18</v>
      </c>
      <c r="I140" s="3">
        <v>2020</v>
      </c>
      <c r="J140" s="2" t="s">
        <v>190</v>
      </c>
      <c r="K140" s="2"/>
      <c r="L140" s="2" t="s">
        <v>422</v>
      </c>
    </row>
    <row r="141" spans="1:12" ht="15.2" customHeight="1">
      <c r="A141" s="2" t="s">
        <v>384</v>
      </c>
      <c r="B141" s="2" t="s">
        <v>117</v>
      </c>
      <c r="C141" s="2"/>
      <c r="D141" s="2" t="s">
        <v>423</v>
      </c>
      <c r="E141" s="2" t="s">
        <v>420</v>
      </c>
      <c r="F141" s="2" t="s">
        <v>424</v>
      </c>
      <c r="G141" s="3">
        <v>2</v>
      </c>
      <c r="H141" s="2" t="s">
        <v>18</v>
      </c>
      <c r="I141" s="3">
        <v>2020</v>
      </c>
      <c r="J141" s="2" t="s">
        <v>190</v>
      </c>
      <c r="K141" s="2"/>
      <c r="L141" s="2" t="s">
        <v>425</v>
      </c>
    </row>
    <row r="142" spans="1:12" ht="15.2" customHeight="1">
      <c r="A142" s="2" t="s">
        <v>384</v>
      </c>
      <c r="B142" s="2" t="s">
        <v>121</v>
      </c>
      <c r="C142" s="2"/>
      <c r="D142" s="2" t="s">
        <v>426</v>
      </c>
      <c r="E142" s="2" t="s">
        <v>420</v>
      </c>
      <c r="F142" s="2" t="s">
        <v>427</v>
      </c>
      <c r="G142" s="3">
        <v>3</v>
      </c>
      <c r="H142" s="2" t="s">
        <v>18</v>
      </c>
      <c r="I142" s="3">
        <v>2020</v>
      </c>
      <c r="J142" s="2" t="s">
        <v>190</v>
      </c>
      <c r="K142" s="2"/>
      <c r="L142" s="2" t="s">
        <v>428</v>
      </c>
    </row>
    <row r="143" spans="1:12" ht="15.2" customHeight="1">
      <c r="A143" s="2" t="s">
        <v>384</v>
      </c>
      <c r="B143" s="2" t="s">
        <v>126</v>
      </c>
      <c r="C143" s="2" t="s">
        <v>429</v>
      </c>
      <c r="D143" s="2" t="s">
        <v>430</v>
      </c>
      <c r="E143" s="2" t="s">
        <v>431</v>
      </c>
      <c r="F143" s="2" t="s">
        <v>431</v>
      </c>
      <c r="G143" s="3">
        <v>1</v>
      </c>
      <c r="H143" s="2" t="s">
        <v>18</v>
      </c>
      <c r="I143" s="3">
        <v>2019</v>
      </c>
      <c r="J143" s="2" t="s">
        <v>19</v>
      </c>
      <c r="K143" s="2"/>
      <c r="L143" s="2" t="s">
        <v>432</v>
      </c>
    </row>
    <row r="144" spans="1:12" ht="15.2" customHeight="1">
      <c r="A144" s="2" t="s">
        <v>384</v>
      </c>
      <c r="B144" s="2" t="s">
        <v>130</v>
      </c>
      <c r="C144" s="2" t="s">
        <v>433</v>
      </c>
      <c r="D144" s="2" t="s">
        <v>434</v>
      </c>
      <c r="E144" s="2" t="s">
        <v>45</v>
      </c>
      <c r="F144" s="2" t="s">
        <v>435</v>
      </c>
      <c r="G144" s="3">
        <v>2</v>
      </c>
      <c r="H144" s="2" t="s">
        <v>60</v>
      </c>
      <c r="I144" s="3">
        <v>2015</v>
      </c>
      <c r="J144" s="2" t="s">
        <v>47</v>
      </c>
      <c r="K144" s="2"/>
      <c r="L144" s="2" t="s">
        <v>436</v>
      </c>
    </row>
    <row r="145" spans="1:12" ht="15.2" customHeight="1">
      <c r="A145" s="2" t="s">
        <v>384</v>
      </c>
      <c r="B145" s="2" t="s">
        <v>136</v>
      </c>
      <c r="C145" s="2" t="s">
        <v>370</v>
      </c>
      <c r="D145" s="2" t="s">
        <v>371</v>
      </c>
      <c r="E145" s="2" t="s">
        <v>45</v>
      </c>
      <c r="F145" s="2" t="s">
        <v>372</v>
      </c>
      <c r="G145" s="3">
        <v>1</v>
      </c>
      <c r="H145" s="2" t="s">
        <v>60</v>
      </c>
      <c r="I145" s="3">
        <v>2015</v>
      </c>
      <c r="J145" s="2" t="s">
        <v>47</v>
      </c>
      <c r="K145" s="2"/>
      <c r="L145" s="2" t="s">
        <v>373</v>
      </c>
    </row>
    <row r="146" spans="1:12" ht="15.2" customHeight="1">
      <c r="A146" s="2" t="s">
        <v>384</v>
      </c>
      <c r="B146" s="2" t="s">
        <v>141</v>
      </c>
      <c r="C146" s="2" t="s">
        <v>437</v>
      </c>
      <c r="D146" s="2" t="s">
        <v>438</v>
      </c>
      <c r="E146" s="2" t="s">
        <v>304</v>
      </c>
      <c r="F146" s="2" t="s">
        <v>439</v>
      </c>
      <c r="G146" s="3">
        <v>4</v>
      </c>
      <c r="H146" s="2" t="s">
        <v>18</v>
      </c>
      <c r="I146" s="3">
        <v>2018</v>
      </c>
      <c r="J146" s="2" t="s">
        <v>19</v>
      </c>
      <c r="K146" s="2"/>
      <c r="L146" s="2" t="s">
        <v>440</v>
      </c>
    </row>
    <row r="147" spans="1:12" ht="15.2" customHeight="1">
      <c r="A147" s="2" t="s">
        <v>384</v>
      </c>
      <c r="B147" s="2" t="s">
        <v>145</v>
      </c>
      <c r="C147" s="2" t="s">
        <v>251</v>
      </c>
      <c r="D147" s="2" t="s">
        <v>252</v>
      </c>
      <c r="E147" s="2" t="s">
        <v>220</v>
      </c>
      <c r="F147" s="2" t="s">
        <v>253</v>
      </c>
      <c r="G147" s="3">
        <v>2</v>
      </c>
      <c r="H147" s="2" t="s">
        <v>77</v>
      </c>
      <c r="I147" s="3">
        <v>2018</v>
      </c>
      <c r="J147" s="2" t="s">
        <v>190</v>
      </c>
      <c r="K147" s="2"/>
      <c r="L147" s="2" t="s">
        <v>254</v>
      </c>
    </row>
    <row r="148" spans="1:12" ht="15.2" customHeight="1">
      <c r="A148" s="2" t="s">
        <v>384</v>
      </c>
      <c r="B148" s="2" t="s">
        <v>150</v>
      </c>
      <c r="C148" s="2" t="s">
        <v>218</v>
      </c>
      <c r="D148" s="2" t="s">
        <v>219</v>
      </c>
      <c r="E148" s="2" t="s">
        <v>220</v>
      </c>
      <c r="F148" s="2" t="s">
        <v>221</v>
      </c>
      <c r="G148" s="3">
        <v>1</v>
      </c>
      <c r="H148" s="2" t="s">
        <v>378</v>
      </c>
      <c r="I148" s="3">
        <v>2018</v>
      </c>
      <c r="J148" s="2" t="s">
        <v>190</v>
      </c>
      <c r="K148" s="2"/>
      <c r="L148" s="2" t="s">
        <v>222</v>
      </c>
    </row>
    <row r="149" spans="1:12" ht="15.2" customHeight="1">
      <c r="A149" s="2" t="s">
        <v>384</v>
      </c>
      <c r="B149" s="2" t="s">
        <v>155</v>
      </c>
      <c r="C149" s="2" t="s">
        <v>441</v>
      </c>
      <c r="D149" s="2" t="s">
        <v>442</v>
      </c>
      <c r="E149" s="2" t="s">
        <v>443</v>
      </c>
      <c r="F149" s="2" t="s">
        <v>444</v>
      </c>
      <c r="G149" s="3">
        <v>1</v>
      </c>
      <c r="H149" s="2" t="s">
        <v>160</v>
      </c>
      <c r="I149" s="3">
        <v>2019</v>
      </c>
      <c r="J149" s="2" t="s">
        <v>445</v>
      </c>
      <c r="K149" s="2"/>
      <c r="L149" s="2" t="s">
        <v>446</v>
      </c>
    </row>
    <row r="150" spans="1:12" ht="15.2" customHeight="1">
      <c r="A150" s="2" t="s">
        <v>384</v>
      </c>
      <c r="B150" s="2" t="s">
        <v>162</v>
      </c>
      <c r="C150" s="2" t="s">
        <v>415</v>
      </c>
      <c r="D150" s="2" t="s">
        <v>416</v>
      </c>
      <c r="E150" s="2" t="s">
        <v>270</v>
      </c>
      <c r="F150" s="2" t="s">
        <v>417</v>
      </c>
      <c r="G150" s="3">
        <v>3</v>
      </c>
      <c r="H150" s="2" t="s">
        <v>18</v>
      </c>
      <c r="I150" s="3">
        <v>2018</v>
      </c>
      <c r="J150" s="2" t="s">
        <v>19</v>
      </c>
      <c r="K150" s="2"/>
      <c r="L150" s="2" t="s">
        <v>418</v>
      </c>
    </row>
    <row r="151" spans="1:12" ht="15.2" customHeight="1">
      <c r="A151" s="2" t="s">
        <v>384</v>
      </c>
      <c r="B151" s="2" t="s">
        <v>383</v>
      </c>
      <c r="C151" s="2" t="s">
        <v>350</v>
      </c>
      <c r="D151" s="2" t="s">
        <v>351</v>
      </c>
      <c r="E151" s="2" t="s">
        <v>270</v>
      </c>
      <c r="F151" s="2" t="s">
        <v>352</v>
      </c>
      <c r="G151" s="3">
        <v>2</v>
      </c>
      <c r="H151" s="2" t="s">
        <v>18</v>
      </c>
      <c r="I151" s="3">
        <v>2018</v>
      </c>
      <c r="J151" s="2" t="s">
        <v>19</v>
      </c>
      <c r="K151" s="2"/>
      <c r="L151" s="2" t="s">
        <v>353</v>
      </c>
    </row>
    <row r="152" spans="1:12" ht="15.2" customHeight="1">
      <c r="A152" s="2" t="s">
        <v>384</v>
      </c>
      <c r="B152" s="2" t="s">
        <v>164</v>
      </c>
      <c r="C152" s="2"/>
      <c r="D152" s="2" t="s">
        <v>419</v>
      </c>
      <c r="E152" s="2" t="s">
        <v>420</v>
      </c>
      <c r="F152" s="2" t="s">
        <v>421</v>
      </c>
      <c r="G152" s="3">
        <v>1</v>
      </c>
      <c r="H152" s="2" t="s">
        <v>18</v>
      </c>
      <c r="I152" s="3">
        <v>2020</v>
      </c>
      <c r="J152" s="2" t="s">
        <v>190</v>
      </c>
      <c r="K152" s="2"/>
      <c r="L152" s="2" t="s">
        <v>422</v>
      </c>
    </row>
    <row r="153" spans="1:12" ht="15.2" customHeight="1">
      <c r="A153" s="2" t="s">
        <v>447</v>
      </c>
      <c r="B153" s="2" t="s">
        <v>14</v>
      </c>
      <c r="C153" s="2" t="s">
        <v>259</v>
      </c>
      <c r="D153" s="2" t="s">
        <v>260</v>
      </c>
      <c r="E153" s="2" t="s">
        <v>220</v>
      </c>
      <c r="F153" s="2" t="s">
        <v>261</v>
      </c>
      <c r="G153" s="3">
        <v>4</v>
      </c>
      <c r="H153" s="2" t="s">
        <v>77</v>
      </c>
      <c r="I153" s="3">
        <v>2018</v>
      </c>
      <c r="J153" s="2" t="s">
        <v>190</v>
      </c>
      <c r="K153" s="2"/>
      <c r="L153" s="2" t="s">
        <v>262</v>
      </c>
    </row>
    <row r="154" spans="1:12" ht="15.2" customHeight="1">
      <c r="A154" s="2" t="s">
        <v>447</v>
      </c>
      <c r="B154" s="2" t="s">
        <v>21</v>
      </c>
      <c r="C154" s="2" t="s">
        <v>448</v>
      </c>
      <c r="D154" s="2" t="s">
        <v>449</v>
      </c>
      <c r="E154" s="2" t="s">
        <v>309</v>
      </c>
      <c r="F154" s="2" t="s">
        <v>450</v>
      </c>
      <c r="G154" s="3">
        <v>3</v>
      </c>
      <c r="H154" s="2" t="s">
        <v>77</v>
      </c>
      <c r="I154" s="3">
        <v>2011</v>
      </c>
      <c r="J154" s="2" t="s">
        <v>311</v>
      </c>
      <c r="K154" s="2"/>
      <c r="L154" s="2" t="s">
        <v>451</v>
      </c>
    </row>
    <row r="155" spans="1:12" ht="15.2" customHeight="1">
      <c r="A155" s="2" t="s">
        <v>447</v>
      </c>
      <c r="B155" s="2" t="s">
        <v>25</v>
      </c>
      <c r="C155" s="2" t="s">
        <v>91</v>
      </c>
      <c r="D155" s="2" t="s">
        <v>92</v>
      </c>
      <c r="E155" s="2" t="s">
        <v>93</v>
      </c>
      <c r="F155" s="2" t="s">
        <v>94</v>
      </c>
      <c r="G155" s="3">
        <v>1</v>
      </c>
      <c r="H155" s="2" t="s">
        <v>95</v>
      </c>
      <c r="I155" s="3">
        <v>2019</v>
      </c>
      <c r="J155" s="2" t="s">
        <v>19</v>
      </c>
      <c r="K155" s="2"/>
      <c r="L155" s="2" t="s">
        <v>96</v>
      </c>
    </row>
    <row r="156" spans="1:12" ht="15.2" customHeight="1">
      <c r="A156" s="2" t="s">
        <v>447</v>
      </c>
      <c r="B156" s="2" t="s">
        <v>32</v>
      </c>
      <c r="C156" s="2" t="s">
        <v>98</v>
      </c>
      <c r="D156" s="2" t="s">
        <v>99</v>
      </c>
      <c r="E156" s="2" t="s">
        <v>93</v>
      </c>
      <c r="F156" s="2" t="s">
        <v>100</v>
      </c>
      <c r="G156" s="3">
        <v>2</v>
      </c>
      <c r="H156" s="2" t="s">
        <v>95</v>
      </c>
      <c r="I156" s="3">
        <v>2019</v>
      </c>
      <c r="J156" s="2" t="s">
        <v>19</v>
      </c>
      <c r="K156" s="2"/>
      <c r="L156" s="2" t="s">
        <v>101</v>
      </c>
    </row>
    <row r="157" spans="1:12" ht="15.2" customHeight="1">
      <c r="A157" s="2" t="s">
        <v>447</v>
      </c>
      <c r="B157" s="2" t="s">
        <v>37</v>
      </c>
      <c r="C157" s="2" t="s">
        <v>103</v>
      </c>
      <c r="D157" s="2" t="s">
        <v>104</v>
      </c>
      <c r="E157" s="2" t="s">
        <v>93</v>
      </c>
      <c r="F157" s="2" t="s">
        <v>105</v>
      </c>
      <c r="G157" s="3">
        <v>3</v>
      </c>
      <c r="H157" s="2" t="s">
        <v>95</v>
      </c>
      <c r="I157" s="3">
        <v>2019</v>
      </c>
      <c r="J157" s="2" t="s">
        <v>19</v>
      </c>
      <c r="K157" s="2"/>
      <c r="L157" s="2" t="s">
        <v>106</v>
      </c>
    </row>
    <row r="158" spans="1:12" ht="15.2" customHeight="1">
      <c r="A158" s="2" t="s">
        <v>447</v>
      </c>
      <c r="B158" s="2" t="s">
        <v>42</v>
      </c>
      <c r="C158" s="2" t="s">
        <v>108</v>
      </c>
      <c r="D158" s="2" t="s">
        <v>109</v>
      </c>
      <c r="E158" s="2" t="s">
        <v>93</v>
      </c>
      <c r="F158" s="2" t="s">
        <v>110</v>
      </c>
      <c r="G158" s="3">
        <v>4</v>
      </c>
      <c r="H158" s="2" t="s">
        <v>95</v>
      </c>
      <c r="I158" s="3">
        <v>2019</v>
      </c>
      <c r="J158" s="2" t="s">
        <v>19</v>
      </c>
      <c r="K158" s="2"/>
      <c r="L158" s="2" t="s">
        <v>111</v>
      </c>
    </row>
    <row r="159" spans="1:12" ht="15.2" customHeight="1">
      <c r="A159" s="2" t="s">
        <v>447</v>
      </c>
      <c r="B159" s="2" t="s">
        <v>49</v>
      </c>
      <c r="C159" s="2" t="s">
        <v>452</v>
      </c>
      <c r="D159" s="2" t="s">
        <v>453</v>
      </c>
      <c r="E159" s="2" t="s">
        <v>244</v>
      </c>
      <c r="F159" s="2" t="s">
        <v>454</v>
      </c>
      <c r="G159" s="3">
        <v>11</v>
      </c>
      <c r="H159" s="2" t="s">
        <v>95</v>
      </c>
      <c r="I159" s="3">
        <v>2019</v>
      </c>
      <c r="J159" s="2" t="s">
        <v>19</v>
      </c>
      <c r="K159" s="2"/>
      <c r="L159" s="2" t="s">
        <v>455</v>
      </c>
    </row>
    <row r="160" spans="1:12" ht="15.2" customHeight="1">
      <c r="A160" s="2" t="s">
        <v>447</v>
      </c>
      <c r="B160" s="2" t="s">
        <v>55</v>
      </c>
      <c r="C160" s="2" t="s">
        <v>390</v>
      </c>
      <c r="D160" s="2" t="s">
        <v>391</v>
      </c>
      <c r="E160" s="2" t="s">
        <v>244</v>
      </c>
      <c r="F160" s="2" t="s">
        <v>392</v>
      </c>
      <c r="G160" s="3">
        <v>10</v>
      </c>
      <c r="H160" s="2" t="s">
        <v>95</v>
      </c>
      <c r="I160" s="3">
        <v>2019</v>
      </c>
      <c r="J160" s="2" t="s">
        <v>19</v>
      </c>
      <c r="K160" s="2"/>
      <c r="L160" s="2" t="s">
        <v>393</v>
      </c>
    </row>
    <row r="161" spans="1:12" ht="15.2" customHeight="1">
      <c r="A161" s="2" t="s">
        <v>447</v>
      </c>
      <c r="B161" s="2" t="s">
        <v>62</v>
      </c>
      <c r="C161" s="2" t="s">
        <v>456</v>
      </c>
      <c r="D161" s="2" t="s">
        <v>457</v>
      </c>
      <c r="E161" s="2" t="s">
        <v>52</v>
      </c>
      <c r="F161" s="2" t="s">
        <v>458</v>
      </c>
      <c r="G161" s="3">
        <v>1</v>
      </c>
      <c r="H161" s="2" t="s">
        <v>281</v>
      </c>
      <c r="I161" s="3">
        <v>2009</v>
      </c>
      <c r="J161" s="2" t="s">
        <v>19</v>
      </c>
      <c r="K161" s="2"/>
      <c r="L161" s="2" t="s">
        <v>459</v>
      </c>
    </row>
    <row r="162" spans="1:12" ht="15.2" customHeight="1">
      <c r="A162" s="2" t="s">
        <v>447</v>
      </c>
      <c r="B162" s="2" t="s">
        <v>67</v>
      </c>
      <c r="C162" s="2" t="s">
        <v>460</v>
      </c>
      <c r="D162" s="2" t="s">
        <v>461</v>
      </c>
      <c r="E162" s="2" t="s">
        <v>52</v>
      </c>
      <c r="F162" s="2" t="s">
        <v>462</v>
      </c>
      <c r="G162" s="3">
        <v>2</v>
      </c>
      <c r="H162" s="2" t="s">
        <v>281</v>
      </c>
      <c r="I162" s="3">
        <v>2009</v>
      </c>
      <c r="J162" s="2" t="s">
        <v>19</v>
      </c>
      <c r="K162" s="2"/>
      <c r="L162" s="2" t="s">
        <v>459</v>
      </c>
    </row>
    <row r="163" spans="1:12" ht="15.2" customHeight="1">
      <c r="A163" s="2" t="s">
        <v>447</v>
      </c>
      <c r="B163" s="2" t="s">
        <v>72</v>
      </c>
      <c r="C163" s="2" t="s">
        <v>463</v>
      </c>
      <c r="D163" s="2" t="s">
        <v>464</v>
      </c>
      <c r="E163" s="2" t="s">
        <v>52</v>
      </c>
      <c r="F163" s="2" t="s">
        <v>465</v>
      </c>
      <c r="G163" s="3">
        <v>3</v>
      </c>
      <c r="H163" s="2" t="s">
        <v>281</v>
      </c>
      <c r="I163" s="3">
        <v>2009</v>
      </c>
      <c r="J163" s="2" t="s">
        <v>19</v>
      </c>
      <c r="K163" s="2"/>
      <c r="L163" s="2" t="s">
        <v>459</v>
      </c>
    </row>
    <row r="164" spans="1:12" ht="15.2" customHeight="1">
      <c r="A164" s="2" t="s">
        <v>447</v>
      </c>
      <c r="B164" s="2" t="s">
        <v>79</v>
      </c>
      <c r="C164" s="2" t="s">
        <v>466</v>
      </c>
      <c r="D164" s="2" t="s">
        <v>467</v>
      </c>
      <c r="E164" s="2" t="s">
        <v>45</v>
      </c>
      <c r="F164" s="2" t="s">
        <v>468</v>
      </c>
      <c r="G164" s="3">
        <v>3</v>
      </c>
      <c r="H164" s="2" t="s">
        <v>60</v>
      </c>
      <c r="I164" s="3">
        <v>2015</v>
      </c>
      <c r="J164" s="2" t="s">
        <v>47</v>
      </c>
      <c r="K164" s="2"/>
      <c r="L164" s="2" t="s">
        <v>469</v>
      </c>
    </row>
    <row r="165" spans="1:12" ht="15.2" customHeight="1">
      <c r="A165" s="2" t="s">
        <v>447</v>
      </c>
      <c r="B165" s="2" t="s">
        <v>85</v>
      </c>
      <c r="C165" s="2" t="s">
        <v>470</v>
      </c>
      <c r="D165" s="2" t="s">
        <v>471</v>
      </c>
      <c r="E165" s="2" t="s">
        <v>45</v>
      </c>
      <c r="F165" s="2" t="s">
        <v>472</v>
      </c>
      <c r="G165" s="3">
        <v>4</v>
      </c>
      <c r="H165" s="2" t="s">
        <v>60</v>
      </c>
      <c r="I165" s="3">
        <v>2015</v>
      </c>
      <c r="J165" s="2" t="s">
        <v>47</v>
      </c>
      <c r="K165" s="2"/>
      <c r="L165" s="2" t="s">
        <v>473</v>
      </c>
    </row>
    <row r="166" spans="1:12" ht="15.2" customHeight="1">
      <c r="A166" s="2" t="s">
        <v>447</v>
      </c>
      <c r="B166" s="2" t="s">
        <v>90</v>
      </c>
      <c r="C166" s="2" t="s">
        <v>474</v>
      </c>
      <c r="D166" s="2" t="s">
        <v>475</v>
      </c>
      <c r="E166" s="2" t="s">
        <v>270</v>
      </c>
      <c r="F166" s="2" t="s">
        <v>476</v>
      </c>
      <c r="G166" s="3">
        <v>4</v>
      </c>
      <c r="H166" s="2" t="s">
        <v>18</v>
      </c>
      <c r="I166" s="3">
        <v>2018</v>
      </c>
      <c r="J166" s="2" t="s">
        <v>19</v>
      </c>
      <c r="K166" s="2"/>
      <c r="L166" s="2" t="s">
        <v>477</v>
      </c>
    </row>
    <row r="167" spans="1:12" ht="15.2" customHeight="1">
      <c r="A167" s="2" t="s">
        <v>447</v>
      </c>
      <c r="B167" s="2" t="s">
        <v>97</v>
      </c>
      <c r="C167" s="2" t="s">
        <v>415</v>
      </c>
      <c r="D167" s="2" t="s">
        <v>416</v>
      </c>
      <c r="E167" s="2" t="s">
        <v>270</v>
      </c>
      <c r="F167" s="2" t="s">
        <v>417</v>
      </c>
      <c r="G167" s="3">
        <v>3</v>
      </c>
      <c r="H167" s="2" t="s">
        <v>18</v>
      </c>
      <c r="I167" s="3">
        <v>2018</v>
      </c>
      <c r="J167" s="2" t="s">
        <v>19</v>
      </c>
      <c r="K167" s="2"/>
      <c r="L167" s="2" t="s">
        <v>418</v>
      </c>
    </row>
    <row r="168" spans="1:12" ht="15.2" customHeight="1">
      <c r="A168" s="2" t="s">
        <v>447</v>
      </c>
      <c r="B168" s="2" t="s">
        <v>102</v>
      </c>
      <c r="C168" s="2" t="s">
        <v>452</v>
      </c>
      <c r="D168" s="2" t="s">
        <v>453</v>
      </c>
      <c r="E168" s="2" t="s">
        <v>244</v>
      </c>
      <c r="F168" s="2" t="s">
        <v>454</v>
      </c>
      <c r="G168" s="3">
        <v>11</v>
      </c>
      <c r="H168" s="2" t="s">
        <v>95</v>
      </c>
      <c r="I168" s="3">
        <v>2019</v>
      </c>
      <c r="J168" s="2" t="s">
        <v>19</v>
      </c>
      <c r="K168" s="2"/>
      <c r="L168" s="2" t="s">
        <v>455</v>
      </c>
    </row>
    <row r="169" spans="1:12" ht="15.2" customHeight="1">
      <c r="A169" s="2" t="s">
        <v>447</v>
      </c>
      <c r="B169" s="2" t="s">
        <v>107</v>
      </c>
      <c r="C169" s="2" t="s">
        <v>390</v>
      </c>
      <c r="D169" s="2" t="s">
        <v>391</v>
      </c>
      <c r="E169" s="2" t="s">
        <v>244</v>
      </c>
      <c r="F169" s="2" t="s">
        <v>392</v>
      </c>
      <c r="G169" s="3">
        <v>10</v>
      </c>
      <c r="H169" s="2" t="s">
        <v>95</v>
      </c>
      <c r="I169" s="3">
        <v>2019</v>
      </c>
      <c r="J169" s="2" t="s">
        <v>19</v>
      </c>
      <c r="K169" s="2"/>
      <c r="L169" s="2" t="s">
        <v>393</v>
      </c>
    </row>
    <row r="170" spans="1:12" ht="15.2" customHeight="1">
      <c r="A170" s="2" t="s">
        <v>447</v>
      </c>
      <c r="B170" s="2" t="s">
        <v>112</v>
      </c>
      <c r="C170" s="2" t="s">
        <v>478</v>
      </c>
      <c r="D170" s="2" t="s">
        <v>479</v>
      </c>
      <c r="E170" s="2" t="s">
        <v>93</v>
      </c>
      <c r="F170" s="2" t="s">
        <v>480</v>
      </c>
      <c r="G170" s="3">
        <v>5</v>
      </c>
      <c r="H170" s="2" t="s">
        <v>95</v>
      </c>
      <c r="I170" s="3">
        <v>2019</v>
      </c>
      <c r="J170" s="2" t="s">
        <v>19</v>
      </c>
      <c r="K170" s="2"/>
      <c r="L170" s="2" t="s">
        <v>481</v>
      </c>
    </row>
    <row r="171" spans="1:12" ht="15.2" customHeight="1">
      <c r="A171" s="2" t="s">
        <v>447</v>
      </c>
      <c r="B171" s="2" t="s">
        <v>117</v>
      </c>
      <c r="C171" s="2" t="s">
        <v>482</v>
      </c>
      <c r="D171" s="2" t="s">
        <v>483</v>
      </c>
      <c r="E171" s="2" t="s">
        <v>93</v>
      </c>
      <c r="F171" s="2" t="s">
        <v>484</v>
      </c>
      <c r="G171" s="3">
        <v>6</v>
      </c>
      <c r="H171" s="2" t="s">
        <v>95</v>
      </c>
      <c r="I171" s="3">
        <v>2019</v>
      </c>
      <c r="J171" s="2" t="s">
        <v>19</v>
      </c>
      <c r="K171" s="2"/>
      <c r="L171" s="2" t="s">
        <v>485</v>
      </c>
    </row>
    <row r="172" spans="1:12" ht="15.2" customHeight="1">
      <c r="A172" s="2" t="s">
        <v>447</v>
      </c>
      <c r="B172" s="2" t="s">
        <v>121</v>
      </c>
      <c r="C172" s="2" t="s">
        <v>486</v>
      </c>
      <c r="D172" s="2" t="s">
        <v>487</v>
      </c>
      <c r="E172" s="2" t="s">
        <v>93</v>
      </c>
      <c r="F172" s="2" t="s">
        <v>488</v>
      </c>
      <c r="G172" s="3">
        <v>7</v>
      </c>
      <c r="H172" s="2" t="s">
        <v>95</v>
      </c>
      <c r="I172" s="3">
        <v>2019</v>
      </c>
      <c r="J172" s="2" t="s">
        <v>19</v>
      </c>
      <c r="K172" s="2"/>
      <c r="L172" s="2" t="s">
        <v>489</v>
      </c>
    </row>
    <row r="173" spans="1:12" ht="15.2" customHeight="1">
      <c r="A173" s="2" t="s">
        <v>447</v>
      </c>
      <c r="B173" s="2" t="s">
        <v>126</v>
      </c>
      <c r="C173" s="2" t="s">
        <v>490</v>
      </c>
      <c r="D173" s="2" t="s">
        <v>491</v>
      </c>
      <c r="E173" s="2" t="s">
        <v>93</v>
      </c>
      <c r="F173" s="2" t="s">
        <v>492</v>
      </c>
      <c r="G173" s="3">
        <v>8</v>
      </c>
      <c r="H173" s="2" t="s">
        <v>95</v>
      </c>
      <c r="I173" s="3">
        <v>2019</v>
      </c>
      <c r="J173" s="2" t="s">
        <v>19</v>
      </c>
      <c r="K173" s="2"/>
      <c r="L173" s="2" t="s">
        <v>493</v>
      </c>
    </row>
    <row r="174" spans="1:12" ht="15.2" customHeight="1">
      <c r="A174" s="2" t="s">
        <v>447</v>
      </c>
      <c r="B174" s="2" t="s">
        <v>130</v>
      </c>
      <c r="C174" s="2" t="s">
        <v>456</v>
      </c>
      <c r="D174" s="2" t="s">
        <v>457</v>
      </c>
      <c r="E174" s="2" t="s">
        <v>52</v>
      </c>
      <c r="F174" s="2" t="s">
        <v>458</v>
      </c>
      <c r="G174" s="3">
        <v>1</v>
      </c>
      <c r="H174" s="2" t="s">
        <v>281</v>
      </c>
      <c r="I174" s="3">
        <v>2009</v>
      </c>
      <c r="J174" s="2" t="s">
        <v>19</v>
      </c>
      <c r="K174" s="2"/>
      <c r="L174" s="2" t="s">
        <v>459</v>
      </c>
    </row>
    <row r="175" spans="1:12" ht="15.2" customHeight="1">
      <c r="A175" s="2" t="s">
        <v>447</v>
      </c>
      <c r="B175" s="2" t="s">
        <v>136</v>
      </c>
      <c r="C175" s="2" t="s">
        <v>433</v>
      </c>
      <c r="D175" s="2" t="s">
        <v>434</v>
      </c>
      <c r="E175" s="2" t="s">
        <v>45</v>
      </c>
      <c r="F175" s="2" t="s">
        <v>435</v>
      </c>
      <c r="G175" s="3">
        <v>2</v>
      </c>
      <c r="H175" s="2" t="s">
        <v>60</v>
      </c>
      <c r="I175" s="3">
        <v>2015</v>
      </c>
      <c r="J175" s="2" t="s">
        <v>47</v>
      </c>
      <c r="K175" s="2"/>
      <c r="L175" s="2" t="s">
        <v>436</v>
      </c>
    </row>
    <row r="176" spans="1:12" ht="15.2" customHeight="1">
      <c r="A176" s="2" t="s">
        <v>447</v>
      </c>
      <c r="B176" s="2" t="s">
        <v>141</v>
      </c>
      <c r="C176" s="2" t="s">
        <v>50</v>
      </c>
      <c r="D176" s="2" t="s">
        <v>51</v>
      </c>
      <c r="E176" s="2" t="s">
        <v>52</v>
      </c>
      <c r="F176" s="2" t="s">
        <v>53</v>
      </c>
      <c r="G176" s="3">
        <v>1</v>
      </c>
      <c r="H176" s="2" t="s">
        <v>281</v>
      </c>
      <c r="I176" s="3">
        <v>2008</v>
      </c>
      <c r="J176" s="2" t="s">
        <v>19</v>
      </c>
      <c r="K176" s="2"/>
      <c r="L176" s="2" t="s">
        <v>54</v>
      </c>
    </row>
    <row r="177" spans="1:12" ht="15.2" customHeight="1">
      <c r="A177" s="2" t="s">
        <v>447</v>
      </c>
      <c r="B177" s="2" t="s">
        <v>145</v>
      </c>
      <c r="C177" s="2" t="s">
        <v>259</v>
      </c>
      <c r="D177" s="2" t="s">
        <v>260</v>
      </c>
      <c r="E177" s="2" t="s">
        <v>220</v>
      </c>
      <c r="F177" s="2" t="s">
        <v>261</v>
      </c>
      <c r="G177" s="3">
        <v>4</v>
      </c>
      <c r="H177" s="2" t="s">
        <v>77</v>
      </c>
      <c r="I177" s="3">
        <v>2018</v>
      </c>
      <c r="J177" s="2" t="s">
        <v>190</v>
      </c>
      <c r="K177" s="2"/>
      <c r="L177" s="2" t="s">
        <v>262</v>
      </c>
    </row>
    <row r="178" spans="1:12" ht="15.2" customHeight="1">
      <c r="A178" s="2" t="s">
        <v>447</v>
      </c>
      <c r="B178" s="2" t="s">
        <v>150</v>
      </c>
      <c r="C178" s="2" t="s">
        <v>251</v>
      </c>
      <c r="D178" s="2" t="s">
        <v>252</v>
      </c>
      <c r="E178" s="2" t="s">
        <v>220</v>
      </c>
      <c r="F178" s="2" t="s">
        <v>253</v>
      </c>
      <c r="G178" s="3">
        <v>2</v>
      </c>
      <c r="H178" s="2" t="s">
        <v>494</v>
      </c>
      <c r="I178" s="3">
        <v>2018</v>
      </c>
      <c r="J178" s="2" t="s">
        <v>190</v>
      </c>
      <c r="K178" s="2"/>
      <c r="L178" s="2" t="s">
        <v>254</v>
      </c>
    </row>
    <row r="179" spans="1:12" ht="15.2" customHeight="1">
      <c r="A179" s="2" t="s">
        <v>447</v>
      </c>
      <c r="B179" s="2" t="s">
        <v>155</v>
      </c>
      <c r="C179" s="2" t="s">
        <v>495</v>
      </c>
      <c r="D179" s="2" t="s">
        <v>496</v>
      </c>
      <c r="E179" s="2" t="s">
        <v>443</v>
      </c>
      <c r="F179" s="2" t="s">
        <v>497</v>
      </c>
      <c r="G179" s="3">
        <v>2</v>
      </c>
      <c r="H179" s="2" t="s">
        <v>160</v>
      </c>
      <c r="I179" s="3">
        <v>2019</v>
      </c>
      <c r="J179" s="2" t="s">
        <v>445</v>
      </c>
      <c r="K179" s="2"/>
      <c r="L179" s="2" t="s">
        <v>498</v>
      </c>
    </row>
    <row r="180" spans="1:12" ht="15.2" customHeight="1">
      <c r="A180" s="2" t="s">
        <v>447</v>
      </c>
      <c r="B180" s="2" t="s">
        <v>162</v>
      </c>
      <c r="C180" s="2" t="s">
        <v>474</v>
      </c>
      <c r="D180" s="2" t="s">
        <v>475</v>
      </c>
      <c r="E180" s="2" t="s">
        <v>270</v>
      </c>
      <c r="F180" s="2" t="s">
        <v>476</v>
      </c>
      <c r="G180" s="3">
        <v>4</v>
      </c>
      <c r="H180" s="2" t="s">
        <v>18</v>
      </c>
      <c r="I180" s="3">
        <v>2018</v>
      </c>
      <c r="J180" s="2" t="s">
        <v>19</v>
      </c>
      <c r="K180" s="2"/>
      <c r="L180" s="2" t="s">
        <v>477</v>
      </c>
    </row>
    <row r="181" spans="1:12" ht="15.2" customHeight="1">
      <c r="A181" s="2" t="s">
        <v>447</v>
      </c>
      <c r="B181" s="2" t="s">
        <v>383</v>
      </c>
      <c r="C181" s="2" t="s">
        <v>415</v>
      </c>
      <c r="D181" s="2" t="s">
        <v>416</v>
      </c>
      <c r="E181" s="2" t="s">
        <v>270</v>
      </c>
      <c r="F181" s="2" t="s">
        <v>417</v>
      </c>
      <c r="G181" s="3">
        <v>3</v>
      </c>
      <c r="H181" s="2" t="s">
        <v>18</v>
      </c>
      <c r="I181" s="3">
        <v>2018</v>
      </c>
      <c r="J181" s="2" t="s">
        <v>19</v>
      </c>
      <c r="K181" s="2"/>
      <c r="L181" s="2" t="s">
        <v>418</v>
      </c>
    </row>
    <row r="182" spans="1:12" ht="15.2" customHeight="1">
      <c r="A182" s="2" t="s">
        <v>447</v>
      </c>
      <c r="B182" s="2" t="s">
        <v>164</v>
      </c>
      <c r="C182" s="2" t="s">
        <v>478</v>
      </c>
      <c r="D182" s="2" t="s">
        <v>479</v>
      </c>
      <c r="E182" s="2" t="s">
        <v>93</v>
      </c>
      <c r="F182" s="2" t="s">
        <v>480</v>
      </c>
      <c r="G182" s="3">
        <v>5</v>
      </c>
      <c r="H182" s="2" t="s">
        <v>95</v>
      </c>
      <c r="I182" s="3">
        <v>2019</v>
      </c>
      <c r="J182" s="2" t="s">
        <v>19</v>
      </c>
      <c r="K182" s="2"/>
      <c r="L182" s="2" t="s">
        <v>481</v>
      </c>
    </row>
    <row r="183" spans="1:12" ht="15.2" customHeight="1">
      <c r="A183" s="2" t="s">
        <v>499</v>
      </c>
      <c r="B183" s="2" t="s">
        <v>14</v>
      </c>
      <c r="C183" s="2" t="s">
        <v>263</v>
      </c>
      <c r="D183" s="2" t="s">
        <v>264</v>
      </c>
      <c r="E183" s="2" t="s">
        <v>265</v>
      </c>
      <c r="F183" s="2" t="s">
        <v>265</v>
      </c>
      <c r="G183" s="3">
        <v>1</v>
      </c>
      <c r="H183" s="2" t="s">
        <v>18</v>
      </c>
      <c r="I183" s="3">
        <v>2017</v>
      </c>
      <c r="J183" s="2" t="s">
        <v>266</v>
      </c>
      <c r="K183" s="2"/>
      <c r="L183" s="2" t="s">
        <v>267</v>
      </c>
    </row>
    <row r="184" spans="1:12" ht="15.2" customHeight="1">
      <c r="A184" s="2" t="s">
        <v>499</v>
      </c>
      <c r="B184" s="2" t="s">
        <v>21</v>
      </c>
      <c r="C184" s="2" t="s">
        <v>307</v>
      </c>
      <c r="D184" s="2" t="s">
        <v>308</v>
      </c>
      <c r="E184" s="2" t="s">
        <v>309</v>
      </c>
      <c r="F184" s="2" t="s">
        <v>310</v>
      </c>
      <c r="G184" s="3">
        <v>4</v>
      </c>
      <c r="H184" s="2" t="s">
        <v>77</v>
      </c>
      <c r="I184" s="3">
        <v>2011</v>
      </c>
      <c r="J184" s="2" t="s">
        <v>311</v>
      </c>
      <c r="K184" s="2"/>
      <c r="L184" s="2" t="s">
        <v>312</v>
      </c>
    </row>
    <row r="185" spans="1:12" ht="15.2" customHeight="1">
      <c r="A185" s="2" t="s">
        <v>499</v>
      </c>
      <c r="B185" s="2" t="s">
        <v>25</v>
      </c>
      <c r="C185" s="2" t="s">
        <v>500</v>
      </c>
      <c r="D185" s="2" t="s">
        <v>501</v>
      </c>
      <c r="E185" s="2" t="s">
        <v>502</v>
      </c>
      <c r="F185" s="2" t="s">
        <v>503</v>
      </c>
      <c r="G185" s="3">
        <v>1</v>
      </c>
      <c r="H185" s="2" t="s">
        <v>77</v>
      </c>
      <c r="I185" s="3">
        <v>2014</v>
      </c>
      <c r="J185" s="2" t="s">
        <v>19</v>
      </c>
      <c r="K185" s="2"/>
      <c r="L185" s="2" t="s">
        <v>504</v>
      </c>
    </row>
    <row r="186" spans="1:12" ht="15.2" customHeight="1">
      <c r="A186" s="2" t="s">
        <v>499</v>
      </c>
      <c r="B186" s="2" t="s">
        <v>32</v>
      </c>
      <c r="C186" s="2" t="s">
        <v>505</v>
      </c>
      <c r="D186" s="2" t="s">
        <v>506</v>
      </c>
      <c r="E186" s="2" t="s">
        <v>502</v>
      </c>
      <c r="F186" s="2" t="s">
        <v>507</v>
      </c>
      <c r="G186" s="3">
        <v>2</v>
      </c>
      <c r="H186" s="2" t="s">
        <v>77</v>
      </c>
      <c r="I186" s="3">
        <v>2014</v>
      </c>
      <c r="J186" s="2" t="s">
        <v>19</v>
      </c>
      <c r="K186" s="2"/>
      <c r="L186" s="2" t="s">
        <v>508</v>
      </c>
    </row>
    <row r="187" spans="1:12" ht="15.2" customHeight="1">
      <c r="A187" s="2" t="s">
        <v>499</v>
      </c>
      <c r="B187" s="2" t="s">
        <v>37</v>
      </c>
      <c r="C187" s="2" t="s">
        <v>509</v>
      </c>
      <c r="D187" s="2" t="s">
        <v>510</v>
      </c>
      <c r="E187" s="2" t="s">
        <v>502</v>
      </c>
      <c r="F187" s="2" t="s">
        <v>511</v>
      </c>
      <c r="G187" s="3">
        <v>3</v>
      </c>
      <c r="H187" s="2" t="s">
        <v>77</v>
      </c>
      <c r="I187" s="3">
        <v>2014</v>
      </c>
      <c r="J187" s="2" t="s">
        <v>19</v>
      </c>
      <c r="K187" s="2"/>
      <c r="L187" s="2" t="s">
        <v>512</v>
      </c>
    </row>
    <row r="188" spans="1:12" ht="15.2" customHeight="1">
      <c r="A188" s="2" t="s">
        <v>499</v>
      </c>
      <c r="B188" s="2" t="s">
        <v>42</v>
      </c>
      <c r="C188" s="2" t="s">
        <v>178</v>
      </c>
      <c r="D188" s="2" t="s">
        <v>179</v>
      </c>
      <c r="E188" s="2" t="s">
        <v>180</v>
      </c>
      <c r="F188" s="2" t="s">
        <v>181</v>
      </c>
      <c r="G188" s="3">
        <v>3</v>
      </c>
      <c r="H188" s="2" t="s">
        <v>18</v>
      </c>
      <c r="I188" s="3">
        <v>2017</v>
      </c>
      <c r="J188" s="2" t="s">
        <v>19</v>
      </c>
      <c r="K188" s="2"/>
      <c r="L188" s="2" t="s">
        <v>182</v>
      </c>
    </row>
    <row r="189" spans="1:12" ht="15.2" customHeight="1">
      <c r="A189" s="2" t="s">
        <v>499</v>
      </c>
      <c r="B189" s="2" t="s">
        <v>49</v>
      </c>
      <c r="C189" s="2" t="s">
        <v>513</v>
      </c>
      <c r="D189" s="2" t="s">
        <v>514</v>
      </c>
      <c r="E189" s="2" t="s">
        <v>244</v>
      </c>
      <c r="F189" s="2" t="s">
        <v>515</v>
      </c>
      <c r="G189" s="3">
        <v>12</v>
      </c>
      <c r="H189" s="2" t="s">
        <v>95</v>
      </c>
      <c r="I189" s="3">
        <v>2019</v>
      </c>
      <c r="J189" s="2" t="s">
        <v>19</v>
      </c>
      <c r="K189" s="2"/>
      <c r="L189" s="2" t="s">
        <v>516</v>
      </c>
    </row>
    <row r="190" spans="1:12" ht="15.2" customHeight="1">
      <c r="A190" s="2" t="s">
        <v>499</v>
      </c>
      <c r="B190" s="2" t="s">
        <v>55</v>
      </c>
      <c r="C190" s="2" t="s">
        <v>452</v>
      </c>
      <c r="D190" s="2" t="s">
        <v>453</v>
      </c>
      <c r="E190" s="2" t="s">
        <v>244</v>
      </c>
      <c r="F190" s="2" t="s">
        <v>454</v>
      </c>
      <c r="G190" s="3">
        <v>11</v>
      </c>
      <c r="H190" s="2" t="s">
        <v>95</v>
      </c>
      <c r="I190" s="3">
        <v>2019</v>
      </c>
      <c r="J190" s="2" t="s">
        <v>19</v>
      </c>
      <c r="K190" s="2"/>
      <c r="L190" s="2" t="s">
        <v>455</v>
      </c>
    </row>
    <row r="191" spans="1:12" ht="15.2" customHeight="1">
      <c r="A191" s="2" t="s">
        <v>499</v>
      </c>
      <c r="B191" s="2" t="s">
        <v>62</v>
      </c>
      <c r="C191" s="2" t="s">
        <v>517</v>
      </c>
      <c r="D191" s="2" t="s">
        <v>518</v>
      </c>
      <c r="E191" s="2" t="s">
        <v>519</v>
      </c>
      <c r="F191" s="2" t="s">
        <v>520</v>
      </c>
      <c r="G191" s="3">
        <v>1</v>
      </c>
      <c r="H191" s="2" t="s">
        <v>77</v>
      </c>
      <c r="I191" s="3">
        <v>2013</v>
      </c>
      <c r="J191" s="2" t="s">
        <v>521</v>
      </c>
      <c r="K191" s="2"/>
      <c r="L191" s="2" t="s">
        <v>522</v>
      </c>
    </row>
    <row r="192" spans="1:12" ht="15.2" customHeight="1">
      <c r="A192" s="2" t="s">
        <v>499</v>
      </c>
      <c r="B192" s="2" t="s">
        <v>67</v>
      </c>
      <c r="C192" s="2" t="s">
        <v>523</v>
      </c>
      <c r="D192" s="2" t="s">
        <v>524</v>
      </c>
      <c r="E192" s="2" t="s">
        <v>525</v>
      </c>
      <c r="F192" s="2" t="s">
        <v>525</v>
      </c>
      <c r="G192" s="3">
        <v>1</v>
      </c>
      <c r="H192" s="2" t="s">
        <v>526</v>
      </c>
      <c r="I192" s="3">
        <v>2011</v>
      </c>
      <c r="J192" s="2" t="s">
        <v>19</v>
      </c>
      <c r="K192" s="2"/>
      <c r="L192" s="2" t="s">
        <v>527</v>
      </c>
    </row>
    <row r="193" spans="1:12" ht="15.2" customHeight="1">
      <c r="A193" s="2" t="s">
        <v>499</v>
      </c>
      <c r="B193" s="2" t="s">
        <v>528</v>
      </c>
      <c r="C193" s="2" t="s">
        <v>529</v>
      </c>
      <c r="D193" s="2" t="s">
        <v>530</v>
      </c>
      <c r="E193" s="2" t="s">
        <v>531</v>
      </c>
      <c r="F193" s="2" t="s">
        <v>531</v>
      </c>
      <c r="G193" s="3">
        <v>1</v>
      </c>
      <c r="H193" s="2" t="s">
        <v>77</v>
      </c>
      <c r="I193" s="3">
        <v>2011</v>
      </c>
      <c r="J193" s="2" t="s">
        <v>521</v>
      </c>
      <c r="K193" s="2"/>
      <c r="L193" s="2" t="s">
        <v>532</v>
      </c>
    </row>
    <row r="194" spans="1:12" ht="15.2" customHeight="1">
      <c r="A194" s="2" t="s">
        <v>499</v>
      </c>
      <c r="B194" s="2" t="s">
        <v>85</v>
      </c>
      <c r="C194" s="2" t="s">
        <v>533</v>
      </c>
      <c r="D194" s="2" t="s">
        <v>534</v>
      </c>
      <c r="E194" s="2" t="s">
        <v>535</v>
      </c>
      <c r="F194" s="2" t="s">
        <v>536</v>
      </c>
      <c r="G194" s="3">
        <v>1</v>
      </c>
      <c r="H194" s="2" t="s">
        <v>60</v>
      </c>
      <c r="I194" s="3">
        <v>2018</v>
      </c>
      <c r="J194" s="2" t="s">
        <v>19</v>
      </c>
      <c r="K194" s="2"/>
      <c r="L194" s="2" t="s">
        <v>537</v>
      </c>
    </row>
    <row r="195" spans="1:12" ht="15.2" customHeight="1">
      <c r="A195" s="2" t="s">
        <v>499</v>
      </c>
      <c r="B195" s="2" t="s">
        <v>90</v>
      </c>
      <c r="C195" s="2" t="s">
        <v>538</v>
      </c>
      <c r="D195" s="2" t="s">
        <v>539</v>
      </c>
      <c r="E195" s="2" t="s">
        <v>270</v>
      </c>
      <c r="F195" s="2" t="s">
        <v>540</v>
      </c>
      <c r="G195" s="3">
        <v>5</v>
      </c>
      <c r="H195" s="2" t="s">
        <v>18</v>
      </c>
      <c r="I195" s="3">
        <v>2018</v>
      </c>
      <c r="J195" s="2" t="s">
        <v>19</v>
      </c>
      <c r="K195" s="2"/>
      <c r="L195" s="2" t="s">
        <v>541</v>
      </c>
    </row>
    <row r="196" spans="1:12" ht="15.2" customHeight="1">
      <c r="A196" s="2" t="s">
        <v>499</v>
      </c>
      <c r="B196" s="2" t="s">
        <v>97</v>
      </c>
      <c r="C196" s="2" t="s">
        <v>474</v>
      </c>
      <c r="D196" s="2" t="s">
        <v>475</v>
      </c>
      <c r="E196" s="2" t="s">
        <v>270</v>
      </c>
      <c r="F196" s="2" t="s">
        <v>476</v>
      </c>
      <c r="G196" s="3">
        <v>4</v>
      </c>
      <c r="H196" s="2" t="s">
        <v>18</v>
      </c>
      <c r="I196" s="3">
        <v>2018</v>
      </c>
      <c r="J196" s="2" t="s">
        <v>19</v>
      </c>
      <c r="K196" s="2"/>
      <c r="L196" s="2" t="s">
        <v>477</v>
      </c>
    </row>
    <row r="197" spans="1:12" ht="15.2" customHeight="1">
      <c r="A197" s="2" t="s">
        <v>499</v>
      </c>
      <c r="B197" s="2" t="s">
        <v>102</v>
      </c>
      <c r="C197" s="2" t="s">
        <v>513</v>
      </c>
      <c r="D197" s="2" t="s">
        <v>514</v>
      </c>
      <c r="E197" s="2" t="s">
        <v>244</v>
      </c>
      <c r="F197" s="2" t="s">
        <v>515</v>
      </c>
      <c r="G197" s="3">
        <v>12</v>
      </c>
      <c r="H197" s="2" t="s">
        <v>95</v>
      </c>
      <c r="I197" s="3">
        <v>2019</v>
      </c>
      <c r="J197" s="2" t="s">
        <v>19</v>
      </c>
      <c r="K197" s="2"/>
      <c r="L197" s="2" t="s">
        <v>516</v>
      </c>
    </row>
    <row r="198" spans="1:12" ht="15.2" customHeight="1">
      <c r="A198" s="2" t="s">
        <v>499</v>
      </c>
      <c r="B198" s="2" t="s">
        <v>107</v>
      </c>
      <c r="C198" s="2" t="s">
        <v>452</v>
      </c>
      <c r="D198" s="2" t="s">
        <v>453</v>
      </c>
      <c r="E198" s="2" t="s">
        <v>244</v>
      </c>
      <c r="F198" s="2" t="s">
        <v>454</v>
      </c>
      <c r="G198" s="3">
        <v>11</v>
      </c>
      <c r="H198" s="2" t="s">
        <v>95</v>
      </c>
      <c r="I198" s="3">
        <v>2019</v>
      </c>
      <c r="J198" s="2" t="s">
        <v>19</v>
      </c>
      <c r="K198" s="2"/>
      <c r="L198" s="2" t="s">
        <v>455</v>
      </c>
    </row>
    <row r="199" spans="1:12" ht="15.2" customHeight="1">
      <c r="A199" s="2" t="s">
        <v>499</v>
      </c>
      <c r="B199" s="2" t="s">
        <v>112</v>
      </c>
      <c r="C199" s="2" t="s">
        <v>500</v>
      </c>
      <c r="D199" s="2" t="s">
        <v>501</v>
      </c>
      <c r="E199" s="2" t="s">
        <v>502</v>
      </c>
      <c r="F199" s="2" t="s">
        <v>503</v>
      </c>
      <c r="G199" s="3">
        <v>1</v>
      </c>
      <c r="H199" s="2" t="s">
        <v>77</v>
      </c>
      <c r="I199" s="3">
        <v>2014</v>
      </c>
      <c r="J199" s="2" t="s">
        <v>19</v>
      </c>
      <c r="K199" s="2"/>
      <c r="L199" s="2" t="s">
        <v>504</v>
      </c>
    </row>
    <row r="200" spans="1:12" ht="15.2" customHeight="1">
      <c r="A200" s="2" t="s">
        <v>499</v>
      </c>
      <c r="B200" s="2" t="s">
        <v>117</v>
      </c>
      <c r="C200" s="2" t="s">
        <v>505</v>
      </c>
      <c r="D200" s="2" t="s">
        <v>506</v>
      </c>
      <c r="E200" s="2" t="s">
        <v>502</v>
      </c>
      <c r="F200" s="2" t="s">
        <v>507</v>
      </c>
      <c r="G200" s="3">
        <v>2</v>
      </c>
      <c r="H200" s="2" t="s">
        <v>77</v>
      </c>
      <c r="I200" s="3">
        <v>2014</v>
      </c>
      <c r="J200" s="2" t="s">
        <v>19</v>
      </c>
      <c r="K200" s="2"/>
      <c r="L200" s="2" t="s">
        <v>508</v>
      </c>
    </row>
    <row r="201" spans="1:12" ht="15.2" customHeight="1">
      <c r="A201" s="2" t="s">
        <v>499</v>
      </c>
      <c r="B201" s="2" t="s">
        <v>121</v>
      </c>
      <c r="C201" s="2" t="s">
        <v>509</v>
      </c>
      <c r="D201" s="2" t="s">
        <v>510</v>
      </c>
      <c r="E201" s="2" t="s">
        <v>502</v>
      </c>
      <c r="F201" s="2" t="s">
        <v>511</v>
      </c>
      <c r="G201" s="3">
        <v>3</v>
      </c>
      <c r="H201" s="2" t="s">
        <v>77</v>
      </c>
      <c r="I201" s="3">
        <v>2014</v>
      </c>
      <c r="J201" s="2" t="s">
        <v>19</v>
      </c>
      <c r="K201" s="2"/>
      <c r="L201" s="2" t="s">
        <v>512</v>
      </c>
    </row>
    <row r="202" spans="1:12" ht="15.2" customHeight="1">
      <c r="A202" s="2" t="s">
        <v>499</v>
      </c>
      <c r="B202" s="2" t="s">
        <v>126</v>
      </c>
      <c r="C202" s="2" t="s">
        <v>542</v>
      </c>
      <c r="D202" s="2" t="s">
        <v>543</v>
      </c>
      <c r="E202" s="2" t="s">
        <v>180</v>
      </c>
      <c r="F202" s="2" t="s">
        <v>544</v>
      </c>
      <c r="G202" s="3">
        <v>4</v>
      </c>
      <c r="H202" s="2" t="s">
        <v>18</v>
      </c>
      <c r="I202" s="3">
        <v>2017</v>
      </c>
      <c r="J202" s="2" t="s">
        <v>19</v>
      </c>
      <c r="K202" s="2"/>
      <c r="L202" s="2" t="s">
        <v>545</v>
      </c>
    </row>
    <row r="203" spans="1:12" ht="15.2" customHeight="1">
      <c r="A203" s="2" t="s">
        <v>499</v>
      </c>
      <c r="B203" s="2" t="s">
        <v>130</v>
      </c>
      <c r="C203" s="2" t="s">
        <v>460</v>
      </c>
      <c r="D203" s="2" t="s">
        <v>461</v>
      </c>
      <c r="E203" s="2" t="s">
        <v>52</v>
      </c>
      <c r="F203" s="2" t="s">
        <v>462</v>
      </c>
      <c r="G203" s="3">
        <v>2</v>
      </c>
      <c r="H203" s="2" t="s">
        <v>281</v>
      </c>
      <c r="I203" s="3">
        <v>2009</v>
      </c>
      <c r="J203" s="2" t="s">
        <v>19</v>
      </c>
      <c r="K203" s="2"/>
      <c r="L203" s="2" t="s">
        <v>459</v>
      </c>
    </row>
    <row r="204" spans="1:12" ht="15.2" customHeight="1">
      <c r="A204" s="2" t="s">
        <v>499</v>
      </c>
      <c r="B204" s="2" t="s">
        <v>136</v>
      </c>
      <c r="C204" s="2" t="s">
        <v>456</v>
      </c>
      <c r="D204" s="2" t="s">
        <v>457</v>
      </c>
      <c r="E204" s="2" t="s">
        <v>52</v>
      </c>
      <c r="F204" s="2" t="s">
        <v>458</v>
      </c>
      <c r="G204" s="3">
        <v>1</v>
      </c>
      <c r="H204" s="2" t="s">
        <v>281</v>
      </c>
      <c r="I204" s="3">
        <v>2009</v>
      </c>
      <c r="J204" s="2" t="s">
        <v>19</v>
      </c>
      <c r="K204" s="2"/>
      <c r="L204" s="2" t="s">
        <v>459</v>
      </c>
    </row>
    <row r="205" spans="1:12" ht="15.2" customHeight="1">
      <c r="A205" s="2" t="s">
        <v>499</v>
      </c>
      <c r="B205" s="2" t="s">
        <v>141</v>
      </c>
      <c r="C205" s="2" t="s">
        <v>298</v>
      </c>
      <c r="D205" s="2" t="s">
        <v>299</v>
      </c>
      <c r="E205" s="2" t="s">
        <v>52</v>
      </c>
      <c r="F205" s="2" t="s">
        <v>300</v>
      </c>
      <c r="G205" s="3">
        <v>2</v>
      </c>
      <c r="H205" s="2" t="s">
        <v>281</v>
      </c>
      <c r="I205" s="3">
        <v>2008</v>
      </c>
      <c r="J205" s="2" t="s">
        <v>19</v>
      </c>
      <c r="K205" s="2"/>
      <c r="L205" s="2" t="s">
        <v>301</v>
      </c>
    </row>
    <row r="206" spans="1:12" ht="15.2" customHeight="1">
      <c r="A206" s="2" t="s">
        <v>499</v>
      </c>
      <c r="B206" s="2" t="s">
        <v>145</v>
      </c>
      <c r="C206" s="2" t="s">
        <v>263</v>
      </c>
      <c r="D206" s="2" t="s">
        <v>264</v>
      </c>
      <c r="E206" s="2" t="s">
        <v>265</v>
      </c>
      <c r="F206" s="2" t="s">
        <v>265</v>
      </c>
      <c r="G206" s="3">
        <v>1</v>
      </c>
      <c r="H206" s="2" t="s">
        <v>18</v>
      </c>
      <c r="I206" s="3">
        <v>2017</v>
      </c>
      <c r="J206" s="2" t="s">
        <v>266</v>
      </c>
      <c r="K206" s="2"/>
      <c r="L206" s="2" t="s">
        <v>267</v>
      </c>
    </row>
    <row r="207" spans="1:12" ht="15.2" customHeight="1">
      <c r="A207" s="2" t="s">
        <v>499</v>
      </c>
      <c r="B207" s="2" t="s">
        <v>150</v>
      </c>
      <c r="C207" s="2" t="s">
        <v>259</v>
      </c>
      <c r="D207" s="2" t="s">
        <v>260</v>
      </c>
      <c r="E207" s="2" t="s">
        <v>220</v>
      </c>
      <c r="F207" s="2" t="s">
        <v>261</v>
      </c>
      <c r="G207" s="3">
        <v>4</v>
      </c>
      <c r="H207" s="2" t="s">
        <v>378</v>
      </c>
      <c r="I207" s="3">
        <v>2018</v>
      </c>
      <c r="J207" s="2" t="s">
        <v>190</v>
      </c>
      <c r="K207" s="2"/>
      <c r="L207" s="2" t="s">
        <v>262</v>
      </c>
    </row>
    <row r="208" spans="1:12" ht="15.2" customHeight="1">
      <c r="A208" s="2" t="s">
        <v>499</v>
      </c>
      <c r="B208" s="2" t="s">
        <v>155</v>
      </c>
      <c r="C208" s="2" t="s">
        <v>546</v>
      </c>
      <c r="D208" s="2" t="s">
        <v>547</v>
      </c>
      <c r="E208" s="2" t="s">
        <v>443</v>
      </c>
      <c r="F208" s="2" t="s">
        <v>548</v>
      </c>
      <c r="G208" s="3">
        <v>3</v>
      </c>
      <c r="H208" s="2" t="s">
        <v>160</v>
      </c>
      <c r="I208" s="3">
        <v>2019</v>
      </c>
      <c r="J208" s="2" t="s">
        <v>445</v>
      </c>
      <c r="K208" s="2"/>
      <c r="L208" s="2" t="s">
        <v>549</v>
      </c>
    </row>
    <row r="209" spans="1:12" ht="15.2" customHeight="1">
      <c r="A209" s="2" t="s">
        <v>499</v>
      </c>
      <c r="B209" s="2" t="s">
        <v>162</v>
      </c>
      <c r="C209" s="2" t="s">
        <v>538</v>
      </c>
      <c r="D209" s="2" t="s">
        <v>539</v>
      </c>
      <c r="E209" s="2" t="s">
        <v>270</v>
      </c>
      <c r="F209" s="2" t="s">
        <v>540</v>
      </c>
      <c r="G209" s="3">
        <v>5</v>
      </c>
      <c r="H209" s="2" t="s">
        <v>18</v>
      </c>
      <c r="I209" s="3">
        <v>2018</v>
      </c>
      <c r="J209" s="2" t="s">
        <v>19</v>
      </c>
      <c r="K209" s="2"/>
      <c r="L209" s="2" t="s">
        <v>541</v>
      </c>
    </row>
    <row r="210" spans="1:12" ht="15.2" customHeight="1">
      <c r="A210" s="2" t="s">
        <v>499</v>
      </c>
      <c r="B210" s="2" t="s">
        <v>383</v>
      </c>
      <c r="C210" s="2" t="s">
        <v>474</v>
      </c>
      <c r="D210" s="2" t="s">
        <v>475</v>
      </c>
      <c r="E210" s="2" t="s">
        <v>270</v>
      </c>
      <c r="F210" s="2" t="s">
        <v>476</v>
      </c>
      <c r="G210" s="3">
        <v>4</v>
      </c>
      <c r="H210" s="2" t="s">
        <v>18</v>
      </c>
      <c r="I210" s="3">
        <v>2018</v>
      </c>
      <c r="J210" s="2" t="s">
        <v>19</v>
      </c>
      <c r="K210" s="2"/>
      <c r="L210" s="2" t="s">
        <v>477</v>
      </c>
    </row>
    <row r="211" spans="1:12" ht="15.2" customHeight="1">
      <c r="A211" s="2" t="s">
        <v>499</v>
      </c>
      <c r="B211" s="2" t="s">
        <v>164</v>
      </c>
      <c r="C211" s="2" t="s">
        <v>500</v>
      </c>
      <c r="D211" s="2" t="s">
        <v>501</v>
      </c>
      <c r="E211" s="2" t="s">
        <v>502</v>
      </c>
      <c r="F211" s="2" t="s">
        <v>503</v>
      </c>
      <c r="G211" s="3">
        <v>1</v>
      </c>
      <c r="H211" s="2" t="s">
        <v>77</v>
      </c>
      <c r="I211" s="3">
        <v>2014</v>
      </c>
      <c r="J211" s="2" t="s">
        <v>19</v>
      </c>
      <c r="K211" s="2"/>
      <c r="L211" s="2" t="s">
        <v>504</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OMARI, Yasmine</dc:creator>
  <cp:lastModifiedBy>El Omari, Yasmine</cp:lastModifiedBy>
  <dcterms:created xsi:type="dcterms:W3CDTF">2020-12-18T09:06:38Z</dcterms:created>
  <dcterms:modified xsi:type="dcterms:W3CDTF">2020-12-18T09:06:38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